
<file path=[Content_Types].xml><?xml version="1.0" encoding="utf-8"?>
<Types xmlns="http://schemas.openxmlformats.org/package/2006/content-types">
  <Default Extension="bin" ContentType="application/vnd.openxmlformats-officedocument.presentationml.printerSettings"/>
  <Default Extension="jpeg" ContentType="image/jpeg"/>
  <Default Extension="rels" ContentType="application/vnd.openxmlformats-package.relationships+xml"/>
  <Default Extension="xml" ContentType="application/xml"/>
  <Override PartName="/docProps/app.xml" ContentType="application/vnd.openxmlformats-officedocument.extended-properties+xml"/>
  <Override PartName="/docProps/core.xml" ContentType="application/vnd.openxmlformats-package.core-properties+xml"/>
  <Override PartName="/ppt/notesMasters/notesMaster1.xml" ContentType="application/vnd.openxmlformats-officedocument.presentationml.notesMaster+xml"/>
  <Override PartName="/ppt/notesSlides/notesSlide1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presProps.xml" ContentType="application/vnd.openxmlformats-officedocument.presentationml.presProps+xml"/>
  <Override PartName="/ppt/presentation.xml" ContentType="application/vnd.openxmlformats-officedocument.presentationml.presentation.main+xml"/>
  <Override PartName="/ppt/slideLayouts/slideLayout1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tableStyles.xml" ContentType="application/vnd.openxmlformats-officedocument.presentationml.tableStyles+xml"/>
  <Override PartName="/ppt/theme/theme1.xml" ContentType="application/vnd.openxmlformats-officedocument.theme+xml"/>
  <Override PartName="/ppt/theme/theme2.xml" ContentType="application/vnd.openxmlformats-officedocument.theme+xml"/>
  <Override PartName="/ppt/viewProps.xml" ContentType="application/vnd.openxmlformats-officedocument.presentationml.viewProps+xml"/>
</Types>
</file>

<file path=_rels/.rels><?xml version='1.0' encoding='UTF-8' standalone='yes'?>
<Relationships xmlns="http://schemas.openxmlformats.org/package/2006/relationships"><Relationship Id="rId1" Type="http://schemas.openxmlformats.org/officeDocument/2006/relationships/officeDocument" Target="ppt/presentation.xml"/><Relationship Id="rId2" Type="http://schemas.openxmlformats.org/package/2006/relationships/metadata/thumbnail" Target="docProps/thumbnail.jpeg"/><Relationship Id="rId3" Type="http://schemas.openxmlformats.org/package/2006/relationships/metadata/core-properties" Target="docProps/core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sldIdLst>
    <p:sldId id="256" r:id="rId7"/>
    <p:sldId id="257" r:id="rId9"/>
    <p:sldId id="258" r:id="rId10"/>
    <p:sldId id="259" r:id="rId11"/>
    <p:sldId id="260" r:id="rId12"/>
    <p:sldId id="261" r:id="rId13"/>
    <p:sldId id="262" r:id="rId14"/>
    <p:sldId id="263" r:id="rId15"/>
    <p:sldId id="264" r:id="rId16"/>
    <p:sldId id="265" r:id="rId17"/>
    <p:sldId id="266" r:id="rId18"/>
    <p:sldId id="267" r:id="rId19"/>
    <p:sldId id="268" r:id="rId20"/>
    <p:sldId id="269" r:id="rId21"/>
  </p:sldIdLst>
  <p:sldSz cx="12191695" cy="6858000" type="screen4x3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 snapToObjects="1">
      <p:cViewPr varScale="1">
        <p:scale>
          <a:sx n="124" d="100"/>
          <a:sy n="124" d="100"/>
        </p:scale>
        <p:origin x="-1512" y="-112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'1.0' encoding='UTF-8' standalone='yes'?>
<Relationships xmlns="http://schemas.openxmlformats.org/package/2006/relationships"><Relationship Id="rId1" Type="http://schemas.openxmlformats.org/officeDocument/2006/relationships/slideMaster" Target="slideMasters/slideMaster1.xml"/><Relationship Id="rId2" Type="http://schemas.openxmlformats.org/officeDocument/2006/relationships/printerSettings" Target="printerSettings/printerSettings1.bin"/><Relationship Id="rId3" Type="http://schemas.openxmlformats.org/officeDocument/2006/relationships/presProps" Target="presProps.xml"/><Relationship Id="rId4" Type="http://schemas.openxmlformats.org/officeDocument/2006/relationships/viewProps" Target="viewProps.xml"/><Relationship Id="rId5" Type="http://schemas.openxmlformats.org/officeDocument/2006/relationships/theme" Target="theme/theme1.xml"/><Relationship Id="rId6" Type="http://schemas.openxmlformats.org/officeDocument/2006/relationships/tableStyles" Target="tableStyles.xml"/><Relationship Id="rId7" Type="http://schemas.openxmlformats.org/officeDocument/2006/relationships/slide" Target="slides/slide1.xml"/><Relationship Id="rId8" Type="http://schemas.openxmlformats.org/officeDocument/2006/relationships/notesMaster" Target="notesMasters/notesMaster1.xml"/><Relationship Id="rId9" Type="http://schemas.openxmlformats.org/officeDocument/2006/relationships/slide" Target="slides/slide2.xml"/><Relationship Id="rId10" Type="http://schemas.openxmlformats.org/officeDocument/2006/relationships/slide" Target="slides/slide3.xml"/><Relationship Id="rId11" Type="http://schemas.openxmlformats.org/officeDocument/2006/relationships/slide" Target="slides/slide4.xml"/><Relationship Id="rId12" Type="http://schemas.openxmlformats.org/officeDocument/2006/relationships/slide" Target="slides/slide5.xml"/><Relationship Id="rId13" Type="http://schemas.openxmlformats.org/officeDocument/2006/relationships/slide" Target="slides/slide6.xml"/><Relationship Id="rId14" Type="http://schemas.openxmlformats.org/officeDocument/2006/relationships/slide" Target="slides/slide7.xml"/><Relationship Id="rId15" Type="http://schemas.openxmlformats.org/officeDocument/2006/relationships/slide" Target="slides/slide8.xml"/><Relationship Id="rId16" Type="http://schemas.openxmlformats.org/officeDocument/2006/relationships/slide" Target="slides/slide9.xml"/><Relationship Id="rId17" Type="http://schemas.openxmlformats.org/officeDocument/2006/relationships/slide" Target="slides/slide10.xml"/><Relationship Id="rId18" Type="http://schemas.openxmlformats.org/officeDocument/2006/relationships/slide" Target="slides/slide11.xml"/><Relationship Id="rId19" Type="http://schemas.openxmlformats.org/officeDocument/2006/relationships/slide" Target="slides/slide12.xml"/><Relationship Id="rId20" Type="http://schemas.openxmlformats.org/officeDocument/2006/relationships/slide" Target="slides/slide13.xml"/><Relationship Id="rId21" Type="http://schemas.openxmlformats.org/officeDocument/2006/relationships/slide" Target="slides/slide14.xml"/></Relationships>
</file>

<file path=ppt/notesMasters/_rels/notesMaster1.xml.rels><?xml version='1.0' encoding='UTF-8' standalone='yes'?>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p="http://schemas.openxmlformats.org/presentationml/2006/main" xmlns:r="http://schemas.openxmlformats.org/officeDocument/2006/relationships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F89C1C7-3DCD-1040-A9CF-14679D8B5DDD}" type="datetimeFigureOut">
              <a:rPr lang="en-US" smtClean="0"/>
              <a:t>10/17/16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B5E49A5-4136-284D-997B-48E1D791AD67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2325218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.xml"/></Relationships>
</file>

<file path=ppt/notesSlides/_rels/notesSlide10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0.xml"/></Relationships>
</file>

<file path=ppt/notesSlides/_rels/notesSlide11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1.xml"/></Relationships>
</file>

<file path=ppt/notesSlides/_rels/notesSlide12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2.xml"/></Relationships>
</file>

<file path=ppt/notesSlides/_rels/notesSlide13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3.xml"/></Relationships>
</file>

<file path=ppt/notesSlides/_rels/notesSlide14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4.xml"/></Relationships>
</file>

<file path=ppt/notesSlides/_rels/notesSlide2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.xml"/></Relationships>
</file>

<file path=ppt/notesSlides/_rels/notesSlide3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3.xml"/></Relationships>
</file>

<file path=ppt/notesSlides/_rels/notesSlide4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4.xml"/></Relationships>
</file>

<file path=ppt/notesSlides/_rels/notesSlide5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5.xml"/></Relationships>
</file>

<file path=ppt/notesSlides/_rels/notesSlide6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6.xml"/></Relationships>
</file>

<file path=ppt/notesSlides/_rels/notesSlide7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7.xml"/></Relationships>
</file>

<file path=ppt/notesSlides/_rels/notesSlide8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8.xml"/></Relationships>
</file>

<file path=ppt/notesSlides/_rels/notesSlide9.xml.rels><?xml version='1.0' encoding='UTF-8' standalone='yes'?>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9.xml"/></Relationships>
</file>

<file path=ppt/notesSlides/notesSlide1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本デッキは、社内で研修動画の内製化とSCORM 1.2 LMS連携を提案するためのテンプレートです。各社の状況に応じて差し替えてご利用ください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リスクを抑えた段階的アプローチです。Phase 1は無料トライアル30日なので予算決裁不要、試してから判断できます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Phase 1の予算は0円。経営層が「試してから決める」と言える状態にしておくのが重要です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金額は各社の動画本数・現状の外注規模に応じて差し替えてください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3つともコストはかかりません。経営層には「予算をいただきたいのではなく、試用判断のために工数承認をいただきたい」というフレームで提案するのが効果的です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ご検討ありがとうございます。共同検証や個別要件は info@h-insight.jp までお気軽にどうぞ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規制、コスト、監査の3つの圧力が同時に来ています。個別に対応するのではなく、内製化とLMS連携で同時に解決するアプローチを提案します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現状の課題を5つに整理しました。各社の状況に応じて、当てはまるもの・より深刻なものを残し、追加してください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Insight Training Studioは、これら6つの機能を統合したWindowsデスクトップアプリです。個人〜法人〜大企業すべてで同じ機能が使えます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1,500万円が5万円になります。動画本数・外注単価は各社の実数値に置き換えてください。10本/年なら300万円→5万円、20本/年なら600万円→5万円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外国人材向け研修は、コストだけでなく安全と離職率にも直結します。母国語で正確に伝わることが、現場の安全と定着につながります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詳細は insight-office.com/ja/topics/scorm-1-2 に5分入門ガイドがあります。サンプルSCORM ZIPもダウンロードして実際の自社LMSで動作確認できます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クラウドSaaSのCopilotやChatGPTでは難しい、機密研修動画の内製化を実現できます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p="http://schemas.openxmlformats.org/presentationml/2006/main" xmlns:r="http://schemas.openxmlformats.org/officeDocument/2006/relationships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/>
          </p:cNvSpPr>
          <p:nvPr>
            <p:ph type="sldImg" idx="2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3" sz="quarter"/>
          </p:nvPr>
        </p:nvSpPr>
        <p:spPr/>
        <p:txBody>
          <a:bodyPr/>
          <a:lstStyle/>
          <a:p>
            <a:r>
              <a:t>他のソリューションは特定の用途に強いですが、5軸を1ツールで満たすのはINMVだけです。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5" sz="quarter"/>
          </p:nvPr>
        </p:nvSpPr>
        <p:spPr/>
      </p:sp>
    </p:spTree>
  </p:cSld>
  <p:clrMapOvr>
    <a:masterClrMapping/>
  </p:clrMapOvr>
</p:notes>
</file>

<file path=ppt/slideLayouts/_rels/slideLayout1.xml.rels><?xml version='1.0' encoding='UTF-8' standalone='yes'?>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'1.0' encoding='UTF-8' standalone='yes'?>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'1.0' encoding='UTF-8' standalone='yes'?>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'1.0' encoding='UTF-8' standalone='yes'?>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'1.0' encoding='UTF-8' standalone='yes'?>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'1.0' encoding='UTF-8' standalone='yes'?>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'1.0' encoding='UTF-8' standalone='yes'?>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'1.0' encoding='UTF-8' standalone='yes'?>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'1.0' encoding='UTF-8' standalone='yes'?>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'1.0' encoding='UTF-8' standalone='yes'?>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'1.0' encoding='UTF-8' standalone='yes'?>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6807558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1092796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1222379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1431425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6064837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8224494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9015873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2702771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1299981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4072656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89236939"/>
      </p:ext>
    </p:extLst>
  </p:cSld>
  <p:clrMapOvr>
    <a:masterClrMapping/>
  </p:clrMapOvr>
</p:sldLayout>
</file>

<file path=ppt/slideMasters/_rels/slideMaster1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slideLayout" Target="../slideLayouts/slideLayout3.xml"/><Relationship Id="rId4" Type="http://schemas.openxmlformats.org/officeDocument/2006/relationships/slideLayout" Target="../slideLayouts/slideLayout4.xml"/><Relationship Id="rId5" Type="http://schemas.openxmlformats.org/officeDocument/2006/relationships/slideLayout" Target="../slideLayouts/slideLayout5.xml"/><Relationship Id="rId6" Type="http://schemas.openxmlformats.org/officeDocument/2006/relationships/slideLayout" Target="../slideLayouts/slideLayout6.xml"/><Relationship Id="rId7" Type="http://schemas.openxmlformats.org/officeDocument/2006/relationships/slideLayout" Target="../slideLayouts/slideLayout7.xml"/><Relationship Id="rId8" Type="http://schemas.openxmlformats.org/officeDocument/2006/relationships/slideLayout" Target="../slideLayouts/slideLayout8.xml"/><Relationship Id="rId9" Type="http://schemas.openxmlformats.org/officeDocument/2006/relationships/slideLayout" Target="../slideLayouts/slideLayout9.xml"/><Relationship Id="rId10" Type="http://schemas.openxmlformats.org/officeDocument/2006/relationships/slideLayout" Target="../slideLayouts/slideLayout10.xml"/><Relationship Id="rId11" Type="http://schemas.openxmlformats.org/officeDocument/2006/relationships/slideLayout" Target="../slideLayouts/slideLayout11.xml"/><Relationship Id="rId12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BCAD085-E8A6-8845-BD4E-CB4CCA059FC4}" type="datetimeFigureOut">
              <a:rPr lang="en-US" smtClean="0"/>
              <a:t>1/27/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1FF6DA9-008F-8B48-92A6-B652298478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0997751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1.xml"/></Relationships>
</file>

<file path=ppt/slides/_rels/slide10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10.xml"/></Relationships>
</file>

<file path=ppt/slides/_rels/slide11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11.xml"/></Relationships>
</file>

<file path=ppt/slides/_rels/slide12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12.xml"/></Relationships>
</file>

<file path=ppt/slides/_rels/slide13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13.xml"/></Relationships>
</file>

<file path=ppt/slides/_rels/slide14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14.xml"/></Relationships>
</file>

<file path=ppt/slides/_rels/slide2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2.xml"/></Relationships>
</file>

<file path=ppt/slides/_rels/slide3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3.xml"/></Relationships>
</file>

<file path=ppt/slides/_rels/slide4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4.xml"/></Relationships>
</file>

<file path=ppt/slides/_rels/slide5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5.xml"/></Relationships>
</file>

<file path=ppt/slides/_rels/slide6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6.xml"/></Relationships>
</file>

<file path=ppt/slides/_rels/slide7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7.xml"/></Relationships>
</file>

<file path=ppt/slides/_rels/slide8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8.xml"/></Relationships>
</file>

<file path=ppt/slides/_rels/slide9.xml.rels><?xml version='1.0' encoding='UTF-8' standalone='yes'?>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Rectangle 1"/>
          <p:cNvSpPr/>
          <p:nvPr/>
        </p:nvSpPr>
        <p:spPr>
          <a:xfrm>
            <a:off x="0" y="0"/>
            <a:ext cx="12191695" cy="13716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" name="TextBox 2"/>
          <p:cNvSpPr txBox="1"/>
          <p:nvPr/>
        </p:nvSpPr>
        <p:spPr>
          <a:xfrm>
            <a:off x="731520" y="2011680"/>
            <a:ext cx="1069848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B8942F"/>
                </a:solidFill>
                <a:latin typeface="Yu Gothic UI"/>
              </a:defRPr>
            </a:pPr>
            <a:r>
              <a:t>社内稟議書テンプレート</a:t>
            </a:r>
          </a:p>
        </p:txBody>
      </p:sp>
      <p:sp>
        <p:nvSpPr>
          <p:cNvPr id="4" name="TextBox 3"/>
          <p:cNvSpPr txBox="1"/>
          <p:nvPr/>
        </p:nvSpPr>
        <p:spPr>
          <a:xfrm>
            <a:off x="731520" y="2560320"/>
            <a:ext cx="10698480" cy="10972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600" b="1">
                <a:solidFill>
                  <a:srgbClr val="1C1917"/>
                </a:solidFill>
                <a:latin typeface="Yu Gothic UI"/>
              </a:defRPr>
            </a:pPr>
            <a:r>
              <a:t>研修動画の内製化と SCORM 1.2 LMS 連携の導入提案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731520" y="3749039"/>
            <a:ext cx="10698480" cy="5486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600" b="0">
                <a:solidFill>
                  <a:srgbClr val="57534E"/>
                </a:solidFill>
                <a:latin typeface="Yu Gothic UI"/>
              </a:defRPr>
            </a:pPr>
            <a:r>
              <a:t>外注コスト削減・育成就労 2027 対応・法定研修の完了証跡自動化を1ツールで実現</a:t>
            </a:r>
          </a:p>
        </p:txBody>
      </p:sp>
      <p:sp>
        <p:nvSpPr>
          <p:cNvPr id="6" name="TextBox 5"/>
          <p:cNvSpPr txBox="1"/>
          <p:nvPr/>
        </p:nvSpPr>
        <p:spPr>
          <a:xfrm>
            <a:off x="731520" y="5029200"/>
            <a:ext cx="502920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0">
                <a:solidFill>
                  <a:srgbClr val="57534E"/>
                </a:solidFill>
                <a:latin typeface="Yu Gothic UI"/>
              </a:defRPr>
            </a:pPr>
            <a:r>
              <a:t>提案者: [部署名・氏名を記入]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731520" y="5394960"/>
            <a:ext cx="502920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0">
                <a:solidFill>
                  <a:srgbClr val="57534E"/>
                </a:solidFill>
                <a:latin typeface="Yu Gothic UI"/>
              </a:defRPr>
            </a:pPr>
            <a:r>
              <a:t>提案日: 20XX 年 XX 月 XX 日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731520" y="5760720"/>
            <a:ext cx="502920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0">
                <a:solidFill>
                  <a:srgbClr val="57534E"/>
                </a:solidFill>
                <a:latin typeface="Yu Gothic UI"/>
              </a:defRPr>
            </a:pPr>
            <a:r>
              <a:t>対象: 経営層・部門長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6858000" y="5394960"/>
            <a:ext cx="457200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powered by</a:t>
            </a:r>
          </a:p>
        </p:txBody>
      </p:sp>
      <p:sp>
        <p:nvSpPr>
          <p:cNvPr id="10" name="TextBox 9"/>
          <p:cNvSpPr txBox="1"/>
          <p:nvPr/>
        </p:nvSpPr>
        <p:spPr>
          <a:xfrm>
            <a:off x="6858000" y="5715000"/>
            <a:ext cx="457200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1400" b="1">
                <a:solidFill>
                  <a:srgbClr val="B8942F"/>
                </a:solidFill>
                <a:latin typeface="Yu Gothic UI"/>
              </a:defRPr>
            </a:pPr>
            <a:r>
              <a:t>HARMONIC insight</a:t>
            </a:r>
          </a:p>
        </p:txBody>
      </p:sp>
      <p:sp>
        <p:nvSpPr>
          <p:cNvPr id="11" name="TextBox 10"/>
          <p:cNvSpPr txBox="1"/>
          <p:nvPr/>
        </p:nvSpPr>
        <p:spPr>
          <a:xfrm>
            <a:off x="6858000" y="6080760"/>
            <a:ext cx="457200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Insight Training Studio (INMV)</a:t>
            </a:r>
          </a:p>
        </p:txBody>
      </p:sp>
      <p:sp>
        <p:nvSpPr>
          <p:cNvPr id="12" name="Rectangle 11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3" name="TextBox 12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1 / 14</a:t>
            </a:r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ROLLOUT PLAN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段階的導入プラン — リスクを抑えながら全社展開へ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Rectangle 4"/>
          <p:cNvSpPr/>
          <p:nvPr/>
        </p:nvSpPr>
        <p:spPr>
          <a:xfrm>
            <a:off x="457200" y="2011680"/>
            <a:ext cx="3703320" cy="548640"/>
          </a:xfrm>
          <a:prstGeom prst="rect">
            <a:avLst/>
          </a:prstGeom>
          <a:solidFill>
            <a:srgbClr val="2C5F8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" name="TextBox 5"/>
          <p:cNvSpPr txBox="1"/>
          <p:nvPr/>
        </p:nvSpPr>
        <p:spPr>
          <a:xfrm>
            <a:off x="457200" y="2011680"/>
            <a:ext cx="3703320" cy="5486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400" b="1">
                <a:solidFill>
                  <a:srgbClr val="FFFFFF"/>
                </a:solidFill>
                <a:latin typeface="Yu Gothic UI"/>
              </a:defRPr>
            </a:pPr>
            <a:r>
              <a:t>Phase 1</a:t>
            </a:r>
          </a:p>
        </p:txBody>
      </p:sp>
      <p:sp>
        <p:nvSpPr>
          <p:cNvPr id="7" name="Rectangle 6"/>
          <p:cNvSpPr/>
          <p:nvPr/>
        </p:nvSpPr>
        <p:spPr>
          <a:xfrm>
            <a:off x="457200" y="2560320"/>
            <a:ext cx="3703320" cy="338328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8" name="TextBox 7"/>
          <p:cNvSpPr txBox="1"/>
          <p:nvPr/>
        </p:nvSpPr>
        <p:spPr>
          <a:xfrm>
            <a:off x="731520" y="2697480"/>
            <a:ext cx="315467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600" b="1">
                <a:solidFill>
                  <a:srgbClr val="1C1917"/>
                </a:solidFill>
                <a:latin typeface="Yu Gothic UI"/>
              </a:defRPr>
            </a:pPr>
            <a:r>
              <a:t>試用 (1 か月)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731520" y="3246120"/>
            <a:ext cx="3154679" cy="2743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1〜2 名で 30 日無料トライアル開始</a:t>
            </a:r>
            <a:br/>
            <a:r>
              <a:t>• 既存 PPT 研修資料 5 本を動画化</a:t>
            </a:r>
            <a:br/>
            <a:r>
              <a:t>• IT/HR/法務でレビュー</a:t>
            </a:r>
          </a:p>
        </p:txBody>
      </p:sp>
      <p:sp>
        <p:nvSpPr>
          <p:cNvPr id="10" name="Rectangle 9"/>
          <p:cNvSpPr/>
          <p:nvPr/>
        </p:nvSpPr>
        <p:spPr>
          <a:xfrm>
            <a:off x="4325112" y="2011680"/>
            <a:ext cx="3703320" cy="54864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1" name="TextBox 10"/>
          <p:cNvSpPr txBox="1"/>
          <p:nvPr/>
        </p:nvSpPr>
        <p:spPr>
          <a:xfrm>
            <a:off x="4325112" y="2011680"/>
            <a:ext cx="3703320" cy="5486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400" b="1">
                <a:solidFill>
                  <a:srgbClr val="FFFFFF"/>
                </a:solidFill>
                <a:latin typeface="Yu Gothic UI"/>
              </a:defRPr>
            </a:pPr>
            <a:r>
              <a:t>Phase 2</a:t>
            </a:r>
          </a:p>
        </p:txBody>
      </p:sp>
      <p:sp>
        <p:nvSpPr>
          <p:cNvPr id="12" name="Rectangle 11"/>
          <p:cNvSpPr/>
          <p:nvPr/>
        </p:nvSpPr>
        <p:spPr>
          <a:xfrm>
            <a:off x="4325112" y="2560320"/>
            <a:ext cx="3703320" cy="338328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3" name="TextBox 12"/>
          <p:cNvSpPr txBox="1"/>
          <p:nvPr/>
        </p:nvSpPr>
        <p:spPr>
          <a:xfrm>
            <a:off x="4599431" y="2697480"/>
            <a:ext cx="315467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600" b="1">
                <a:solidFill>
                  <a:srgbClr val="1C1917"/>
                </a:solidFill>
                <a:latin typeface="Yu Gothic UI"/>
              </a:defRPr>
            </a:pPr>
            <a:r>
              <a:t>部門展開 (3 か月)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4599431" y="3246120"/>
            <a:ext cx="3154679" cy="2743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法人ライセンス 5〜10 端末で部門導入</a:t>
            </a:r>
            <a:br/>
            <a:r>
              <a:t>• Moodle/社内 LMS との連携テスト</a:t>
            </a:r>
            <a:br/>
            <a:r>
              <a:t>• 育成就労 9 言語版を試作</a:t>
            </a:r>
          </a:p>
        </p:txBody>
      </p:sp>
      <p:sp>
        <p:nvSpPr>
          <p:cNvPr id="15" name="Rectangle 14"/>
          <p:cNvSpPr/>
          <p:nvPr/>
        </p:nvSpPr>
        <p:spPr>
          <a:xfrm>
            <a:off x="8193023" y="2011680"/>
            <a:ext cx="3703320" cy="548640"/>
          </a:xfrm>
          <a:prstGeom prst="rect">
            <a:avLst/>
          </a:prstGeom>
          <a:solidFill>
            <a:srgbClr val="16A34A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6" name="TextBox 15"/>
          <p:cNvSpPr txBox="1"/>
          <p:nvPr/>
        </p:nvSpPr>
        <p:spPr>
          <a:xfrm>
            <a:off x="8193023" y="2011680"/>
            <a:ext cx="3703320" cy="5486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400" b="1">
                <a:solidFill>
                  <a:srgbClr val="FFFFFF"/>
                </a:solidFill>
                <a:latin typeface="Yu Gothic UI"/>
              </a:defRPr>
            </a:pPr>
            <a:r>
              <a:t>Phase 3</a:t>
            </a:r>
          </a:p>
        </p:txBody>
      </p:sp>
      <p:sp>
        <p:nvSpPr>
          <p:cNvPr id="17" name="Rectangle 16"/>
          <p:cNvSpPr/>
          <p:nvPr/>
        </p:nvSpPr>
        <p:spPr>
          <a:xfrm>
            <a:off x="8193023" y="2560320"/>
            <a:ext cx="3703320" cy="338328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8" name="TextBox 17"/>
          <p:cNvSpPr txBox="1"/>
          <p:nvPr/>
        </p:nvSpPr>
        <p:spPr>
          <a:xfrm>
            <a:off x="8467344" y="2697480"/>
            <a:ext cx="315467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600" b="1">
                <a:solidFill>
                  <a:srgbClr val="1C1917"/>
                </a:solidFill>
                <a:latin typeface="Yu Gothic UI"/>
              </a:defRPr>
            </a:pPr>
            <a:r>
              <a:t>全社展開 (6 か月)</a:t>
            </a:r>
          </a:p>
        </p:txBody>
      </p:sp>
      <p:sp>
        <p:nvSpPr>
          <p:cNvPr id="19" name="TextBox 18"/>
          <p:cNvSpPr txBox="1"/>
          <p:nvPr/>
        </p:nvSpPr>
        <p:spPr>
          <a:xfrm>
            <a:off x="8467344" y="3246120"/>
            <a:ext cx="3154679" cy="2743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全社ライセンスに拡張</a:t>
            </a:r>
            <a:br/>
            <a:r>
              <a:t>• 法定研修の SCORM 配信を本番稼働</a:t>
            </a:r>
            <a:br/>
            <a:r>
              <a:t>• 外国人材向け多言語研修の運用開始</a:t>
            </a:r>
          </a:p>
        </p:txBody>
      </p:sp>
      <p:sp>
        <p:nvSpPr>
          <p:cNvPr id="20" name="TextBox 19"/>
          <p:cNvSpPr txBox="1"/>
          <p:nvPr/>
        </p:nvSpPr>
        <p:spPr>
          <a:xfrm>
            <a:off x="457200" y="6172200"/>
            <a:ext cx="112471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1">
                <a:solidFill>
                  <a:srgbClr val="B8942F"/>
                </a:solidFill>
                <a:latin typeface="Yu Gothic UI"/>
              </a:defRPr>
            </a:pPr>
            <a:r>
              <a:t>→ Phase 1 で判断 → Phase 2 で検証 → Phase 3 で本番化。意思決定の中断ポイントを各フェーズ末に設置。</a:t>
            </a:r>
          </a:p>
        </p:txBody>
      </p:sp>
      <p:sp>
        <p:nvSpPr>
          <p:cNvPr id="21" name="Rectangle 20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2" name="TextBox 21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23" name="TextBox 22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10 / 14</a:t>
            </a:r>
          </a:p>
        </p:txBody>
      </p:sp>
    </p:spTree>
  </p:cSld>
  <p:clrMapOvr>
    <a:masterClrMapping/>
  </p:clrMapOvr>
</p:sld>
</file>

<file path=ppt/slides/slide11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DECISION REQUIRED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本提案で必要な決裁事項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Rectangle 4"/>
          <p:cNvSpPr/>
          <p:nvPr/>
        </p:nvSpPr>
        <p:spPr>
          <a:xfrm>
            <a:off x="457200" y="1920240"/>
            <a:ext cx="11292840" cy="7772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" name="TextBox 5"/>
          <p:cNvSpPr txBox="1"/>
          <p:nvPr/>
        </p:nvSpPr>
        <p:spPr>
          <a:xfrm>
            <a:off x="640080" y="1920240"/>
            <a:ext cx="320040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200" b="1">
                <a:solidFill>
                  <a:srgbClr val="1C1917"/>
                </a:solidFill>
                <a:latin typeface="Yu Gothic UI"/>
              </a:defRPr>
            </a:pPr>
            <a:r>
              <a:t>予算（Phase 1）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3931920" y="1920240"/>
            <a:ext cx="347472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400" b="1">
                <a:solidFill>
                  <a:srgbClr val="B8942F"/>
                </a:solidFill>
                <a:latin typeface="Yu Gothic UI"/>
              </a:defRPr>
            </a:pPr>
            <a:r>
              <a:t>0 円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7498079" y="1920240"/>
            <a:ext cx="411480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30 日無料トライアル — 試用判断のための予算は不要</a:t>
            </a:r>
          </a:p>
        </p:txBody>
      </p:sp>
      <p:sp>
        <p:nvSpPr>
          <p:cNvPr id="9" name="Rectangle 8"/>
          <p:cNvSpPr/>
          <p:nvPr/>
        </p:nvSpPr>
        <p:spPr>
          <a:xfrm>
            <a:off x="457200" y="2788920"/>
            <a:ext cx="11292840" cy="7772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0" name="TextBox 9"/>
          <p:cNvSpPr txBox="1"/>
          <p:nvPr/>
        </p:nvSpPr>
        <p:spPr>
          <a:xfrm>
            <a:off x="640080" y="2788920"/>
            <a:ext cx="320040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200" b="1">
                <a:solidFill>
                  <a:srgbClr val="1C1917"/>
                </a:solidFill>
                <a:latin typeface="Yu Gothic UI"/>
              </a:defRPr>
            </a:pPr>
            <a:r>
              <a:t>予算（Phase 2）</a:t>
            </a:r>
          </a:p>
        </p:txBody>
      </p:sp>
      <p:sp>
        <p:nvSpPr>
          <p:cNvPr id="11" name="TextBox 10"/>
          <p:cNvSpPr txBox="1"/>
          <p:nvPr/>
        </p:nvSpPr>
        <p:spPr>
          <a:xfrm>
            <a:off x="3931920" y="2788920"/>
            <a:ext cx="347472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400" b="1">
                <a:solidFill>
                  <a:srgbClr val="B8942F"/>
                </a:solidFill>
                <a:latin typeface="Yu Gothic UI"/>
              </a:defRPr>
            </a:pPr>
            <a:r>
              <a:t>¥250,000〜500,000 / 年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7498079" y="2788920"/>
            <a:ext cx="411480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法人ライセンス ¥50,000 × 5〜10 端末（税抜）</a:t>
            </a:r>
          </a:p>
        </p:txBody>
      </p:sp>
      <p:sp>
        <p:nvSpPr>
          <p:cNvPr id="13" name="Rectangle 12"/>
          <p:cNvSpPr/>
          <p:nvPr/>
        </p:nvSpPr>
        <p:spPr>
          <a:xfrm>
            <a:off x="457200" y="3657600"/>
            <a:ext cx="11292840" cy="7772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4" name="TextBox 13"/>
          <p:cNvSpPr txBox="1"/>
          <p:nvPr/>
        </p:nvSpPr>
        <p:spPr>
          <a:xfrm>
            <a:off x="640080" y="3657600"/>
            <a:ext cx="320040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200" b="1">
                <a:solidFill>
                  <a:srgbClr val="1C1917"/>
                </a:solidFill>
                <a:latin typeface="Yu Gothic UI"/>
              </a:defRPr>
            </a:pPr>
            <a:r>
              <a:t>予算（Phase 3）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3931920" y="3657600"/>
            <a:ext cx="347472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400" b="1">
                <a:solidFill>
                  <a:srgbClr val="B8942F"/>
                </a:solidFill>
                <a:latin typeface="Yu Gothic UI"/>
              </a:defRPr>
            </a:pPr>
            <a:r>
              <a:t>全社展開時に再見積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7498079" y="3657600"/>
            <a:ext cx="411480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端末数に応じて。ENT プランでは個別見積（大規模展開向け）</a:t>
            </a:r>
          </a:p>
        </p:txBody>
      </p:sp>
      <p:sp>
        <p:nvSpPr>
          <p:cNvPr id="17" name="Rectangle 16"/>
          <p:cNvSpPr/>
          <p:nvPr/>
        </p:nvSpPr>
        <p:spPr>
          <a:xfrm>
            <a:off x="457200" y="4526279"/>
            <a:ext cx="11292840" cy="7772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8" name="TextBox 17"/>
          <p:cNvSpPr txBox="1"/>
          <p:nvPr/>
        </p:nvSpPr>
        <p:spPr>
          <a:xfrm>
            <a:off x="640080" y="4526279"/>
            <a:ext cx="320040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200" b="1">
                <a:solidFill>
                  <a:srgbClr val="1C1917"/>
                </a:solidFill>
                <a:latin typeface="Yu Gothic UI"/>
              </a:defRPr>
            </a:pPr>
            <a:r>
              <a:t>人的工数（試用期間）</a:t>
            </a:r>
          </a:p>
        </p:txBody>
      </p:sp>
      <p:sp>
        <p:nvSpPr>
          <p:cNvPr id="19" name="TextBox 18"/>
          <p:cNvSpPr txBox="1"/>
          <p:nvPr/>
        </p:nvSpPr>
        <p:spPr>
          <a:xfrm>
            <a:off x="3931920" y="4526279"/>
            <a:ext cx="347472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400" b="1">
                <a:solidFill>
                  <a:srgbClr val="B8942F"/>
                </a:solidFill>
                <a:latin typeface="Yu Gothic UI"/>
              </a:defRPr>
            </a:pPr>
            <a:r>
              <a:t>IT 1 名 × 月 8h + HR 1 名 × 月 8h</a:t>
            </a:r>
          </a:p>
        </p:txBody>
      </p:sp>
      <p:sp>
        <p:nvSpPr>
          <p:cNvPr id="20" name="TextBox 19"/>
          <p:cNvSpPr txBox="1"/>
          <p:nvPr/>
        </p:nvSpPr>
        <p:spPr>
          <a:xfrm>
            <a:off x="7498079" y="4526279"/>
            <a:ext cx="411480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PPT を入れて動画書き出し → LMS 連携テストの実工数</a:t>
            </a:r>
          </a:p>
        </p:txBody>
      </p:sp>
      <p:sp>
        <p:nvSpPr>
          <p:cNvPr id="21" name="Rectangle 20"/>
          <p:cNvSpPr/>
          <p:nvPr/>
        </p:nvSpPr>
        <p:spPr>
          <a:xfrm>
            <a:off x="457200" y="5394960"/>
            <a:ext cx="11292840" cy="7772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2" name="TextBox 21"/>
          <p:cNvSpPr txBox="1"/>
          <p:nvPr/>
        </p:nvSpPr>
        <p:spPr>
          <a:xfrm>
            <a:off x="640080" y="5394960"/>
            <a:ext cx="320040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200" b="1">
                <a:solidFill>
                  <a:srgbClr val="1C1917"/>
                </a:solidFill>
                <a:latin typeface="Yu Gothic UI"/>
              </a:defRPr>
            </a:pPr>
            <a:r>
              <a:t>承認の主体</a:t>
            </a:r>
          </a:p>
        </p:txBody>
      </p:sp>
      <p:sp>
        <p:nvSpPr>
          <p:cNvPr id="23" name="TextBox 22"/>
          <p:cNvSpPr txBox="1"/>
          <p:nvPr/>
        </p:nvSpPr>
        <p:spPr>
          <a:xfrm>
            <a:off x="3931920" y="5394960"/>
            <a:ext cx="347472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400" b="1">
                <a:solidFill>
                  <a:srgbClr val="B8942F"/>
                </a:solidFill>
                <a:latin typeface="Yu Gothic UI"/>
              </a:defRPr>
            </a:pPr>
            <a:r>
              <a:t>情報システム部 + 人事部</a:t>
            </a:r>
          </a:p>
        </p:txBody>
      </p:sp>
      <p:sp>
        <p:nvSpPr>
          <p:cNvPr id="24" name="TextBox 23"/>
          <p:cNvSpPr txBox="1"/>
          <p:nvPr/>
        </p:nvSpPr>
        <p:spPr>
          <a:xfrm>
            <a:off x="7498079" y="5394960"/>
            <a:ext cx="4114800" cy="7772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法務・コンプラ部門にもセキュリティ仕様の事前確認を依頼</a:t>
            </a:r>
          </a:p>
        </p:txBody>
      </p:sp>
      <p:sp>
        <p:nvSpPr>
          <p:cNvPr id="25" name="Rectangle 24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6" name="TextBox 25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27" name="TextBox 26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11 / 14</a:t>
            </a:r>
          </a:p>
        </p:txBody>
      </p:sp>
    </p:spTree>
  </p:cSld>
  <p:clrMapOvr>
    <a:masterClrMapping/>
  </p:clrMapOvr>
</p:sld>
</file>

<file path=ppt/slides/slide12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ROI SUMMARY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投資対効果サマリー — 1 年で 30 倍超のリターン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Rectangle 4"/>
          <p:cNvSpPr/>
          <p:nvPr/>
        </p:nvSpPr>
        <p:spPr>
          <a:xfrm>
            <a:off x="457200" y="1920240"/>
            <a:ext cx="11292840" cy="128016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" name="TextBox 5"/>
          <p:cNvSpPr txBox="1"/>
          <p:nvPr/>
        </p:nvSpPr>
        <p:spPr>
          <a:xfrm>
            <a:off x="457200" y="1920240"/>
            <a:ext cx="11292840" cy="64008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400" b="1">
                <a:solidFill>
                  <a:srgbClr val="FFFFFF"/>
                </a:solidFill>
                <a:latin typeface="Yu Gothic UI"/>
              </a:defRPr>
            </a:pPr>
            <a:r>
              <a:t>削減効果 / 年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457200" y="2377440"/>
            <a:ext cx="11292840" cy="8229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2400" b="1">
                <a:solidFill>
                  <a:srgbClr val="FFFFFF"/>
                </a:solidFill>
                <a:latin typeface="Yu Gothic UI"/>
              </a:defRPr>
            </a:pPr>
            <a:r>
              <a:t>約 1,495 万円 削減（投資 5 万円に対し 約 299 倍）</a:t>
            </a:r>
          </a:p>
        </p:txBody>
      </p:sp>
      <p:sp>
        <p:nvSpPr>
          <p:cNvPr id="8" name="Rectangle 7"/>
          <p:cNvSpPr/>
          <p:nvPr/>
        </p:nvSpPr>
        <p:spPr>
          <a:xfrm>
            <a:off x="457200" y="3520440"/>
            <a:ext cx="11292840" cy="5486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9" name="TextBox 8"/>
          <p:cNvSpPr txBox="1"/>
          <p:nvPr/>
        </p:nvSpPr>
        <p:spPr>
          <a:xfrm>
            <a:off x="731520" y="3520440"/>
            <a:ext cx="7772400" cy="5486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200" b="0">
                <a:solidFill>
                  <a:srgbClr val="1C1917"/>
                </a:solidFill>
                <a:latin typeface="Yu Gothic UI"/>
              </a:defRPr>
            </a:pPr>
            <a:r>
              <a:t>動画外注費の削減</a:t>
            </a:r>
          </a:p>
        </p:txBody>
      </p:sp>
      <p:sp>
        <p:nvSpPr>
          <p:cNvPr id="10" name="TextBox 9"/>
          <p:cNvSpPr txBox="1"/>
          <p:nvPr/>
        </p:nvSpPr>
        <p:spPr>
          <a:xfrm>
            <a:off x="8503920" y="3520440"/>
            <a:ext cx="3017520" cy="5486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r">
              <a:defRPr sz="1400" b="1">
                <a:solidFill>
                  <a:srgbClr val="B8942F"/>
                </a:solidFill>
                <a:latin typeface="Yu Gothic UI"/>
              </a:defRPr>
            </a:pPr>
            <a:r>
              <a:t>1,495 万円</a:t>
            </a:r>
          </a:p>
        </p:txBody>
      </p:sp>
      <p:sp>
        <p:nvSpPr>
          <p:cNvPr id="11" name="Rectangle 10"/>
          <p:cNvSpPr/>
          <p:nvPr/>
        </p:nvSpPr>
        <p:spPr>
          <a:xfrm>
            <a:off x="457200" y="4160520"/>
            <a:ext cx="11292840" cy="5486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2" name="TextBox 11"/>
          <p:cNvSpPr txBox="1"/>
          <p:nvPr/>
        </p:nvSpPr>
        <p:spPr>
          <a:xfrm>
            <a:off x="731520" y="4160520"/>
            <a:ext cx="7772400" cy="5486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200" b="0">
                <a:solidFill>
                  <a:srgbClr val="1C1917"/>
                </a:solidFill>
                <a:latin typeface="Yu Gothic UI"/>
              </a:defRPr>
            </a:pPr>
            <a:r>
              <a:t>多言語化費用の削減（育成就労 9 言語想定）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8503920" y="4160520"/>
            <a:ext cx="3017520" cy="5486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r">
              <a:defRPr sz="1400" b="1">
                <a:solidFill>
                  <a:srgbClr val="B8942F"/>
                </a:solidFill>
                <a:latin typeface="Yu Gothic UI"/>
              </a:defRPr>
            </a:pPr>
            <a:r>
              <a:t>270 万円〜</a:t>
            </a:r>
          </a:p>
        </p:txBody>
      </p:sp>
      <p:sp>
        <p:nvSpPr>
          <p:cNvPr id="14" name="Rectangle 13"/>
          <p:cNvSpPr/>
          <p:nvPr/>
        </p:nvSpPr>
        <p:spPr>
          <a:xfrm>
            <a:off x="457200" y="4800600"/>
            <a:ext cx="11292840" cy="5486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5" name="TextBox 14"/>
          <p:cNvSpPr txBox="1"/>
          <p:nvPr/>
        </p:nvSpPr>
        <p:spPr>
          <a:xfrm>
            <a:off x="731520" y="4800600"/>
            <a:ext cx="7772400" cy="5486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200" b="0">
                <a:solidFill>
                  <a:srgbClr val="1C1917"/>
                </a:solidFill>
                <a:latin typeface="Yu Gothic UI"/>
              </a:defRPr>
            </a:pPr>
            <a:r>
              <a:t>LMS 連携の手作業削減（完了集計）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8503920" y="4800600"/>
            <a:ext cx="3017520" cy="5486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r">
              <a:defRPr sz="1400" b="1">
                <a:solidFill>
                  <a:srgbClr val="B8942F"/>
                </a:solidFill>
                <a:latin typeface="Yu Gothic UI"/>
              </a:defRPr>
            </a:pPr>
            <a:r>
              <a:t>120 時間 / 年</a:t>
            </a:r>
          </a:p>
        </p:txBody>
      </p:sp>
      <p:sp>
        <p:nvSpPr>
          <p:cNvPr id="17" name="Rectangle 16"/>
          <p:cNvSpPr/>
          <p:nvPr/>
        </p:nvSpPr>
        <p:spPr>
          <a:xfrm>
            <a:off x="457200" y="5440679"/>
            <a:ext cx="11292840" cy="5486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8" name="TextBox 17"/>
          <p:cNvSpPr txBox="1"/>
          <p:nvPr/>
        </p:nvSpPr>
        <p:spPr>
          <a:xfrm>
            <a:off x="731520" y="5440679"/>
            <a:ext cx="7772400" cy="5486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200" b="0">
                <a:solidFill>
                  <a:srgbClr val="1C1917"/>
                </a:solidFill>
                <a:latin typeface="Yu Gothic UI"/>
              </a:defRPr>
            </a:pPr>
            <a:r>
              <a:t>研修改訂サイクルの短縮</a:t>
            </a:r>
          </a:p>
        </p:txBody>
      </p:sp>
      <p:sp>
        <p:nvSpPr>
          <p:cNvPr id="19" name="TextBox 18"/>
          <p:cNvSpPr txBox="1"/>
          <p:nvPr/>
        </p:nvSpPr>
        <p:spPr>
          <a:xfrm>
            <a:off x="8503920" y="5440679"/>
            <a:ext cx="3017520" cy="5486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r">
              <a:defRPr sz="1400" b="1">
                <a:solidFill>
                  <a:srgbClr val="B8942F"/>
                </a:solidFill>
                <a:latin typeface="Yu Gothic UI"/>
              </a:defRPr>
            </a:pPr>
            <a:r>
              <a:t>4 週間 → 1 日</a:t>
            </a:r>
          </a:p>
        </p:txBody>
      </p:sp>
      <p:sp>
        <p:nvSpPr>
          <p:cNvPr id="20" name="TextBox 19"/>
          <p:cNvSpPr txBox="1"/>
          <p:nvPr/>
        </p:nvSpPr>
        <p:spPr>
          <a:xfrm>
            <a:off x="457200" y="6263640"/>
            <a:ext cx="112471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1">
                <a:solidFill>
                  <a:srgbClr val="B8942F"/>
                </a:solidFill>
                <a:latin typeface="Yu Gothic UI"/>
              </a:defRPr>
            </a:pPr>
            <a:r>
              <a:t>→ コスト削減だけでなく、改訂サイクル短縮による研修コンテンツの鮮度向上効果も大きい</a:t>
            </a:r>
          </a:p>
        </p:txBody>
      </p:sp>
      <p:sp>
        <p:nvSpPr>
          <p:cNvPr id="21" name="Rectangle 20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2" name="TextBox 21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23" name="TextBox 22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12 / 14</a:t>
            </a:r>
          </a:p>
        </p:txBody>
      </p:sp>
    </p:spTree>
  </p:cSld>
  <p:clrMapOvr>
    <a:masterClrMapping/>
  </p:clrMapOvr>
</p:sld>
</file>

<file path=ppt/slides/slide13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NEXT ACTION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決裁いただきたい次の 3 アクション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Rectangle 4"/>
          <p:cNvSpPr/>
          <p:nvPr/>
        </p:nvSpPr>
        <p:spPr>
          <a:xfrm>
            <a:off x="457200" y="1965960"/>
            <a:ext cx="822960" cy="123444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" name="TextBox 5"/>
          <p:cNvSpPr txBox="1"/>
          <p:nvPr/>
        </p:nvSpPr>
        <p:spPr>
          <a:xfrm>
            <a:off x="457200" y="1965960"/>
            <a:ext cx="822960" cy="12344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4800" b="1">
                <a:solidFill>
                  <a:srgbClr val="FFFFFF"/>
                </a:solidFill>
                <a:latin typeface="Yu Gothic UI"/>
              </a:defRPr>
            </a:pPr>
            <a:r>
              <a:t>1</a:t>
            </a:r>
          </a:p>
        </p:txBody>
      </p:sp>
      <p:sp>
        <p:nvSpPr>
          <p:cNvPr id="7" name="Rectangle 6"/>
          <p:cNvSpPr/>
          <p:nvPr/>
        </p:nvSpPr>
        <p:spPr>
          <a:xfrm>
            <a:off x="1325880" y="1965960"/>
            <a:ext cx="10424160" cy="12344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8" name="TextBox 7"/>
          <p:cNvSpPr txBox="1"/>
          <p:nvPr/>
        </p:nvSpPr>
        <p:spPr>
          <a:xfrm>
            <a:off x="1508760" y="2057400"/>
            <a:ext cx="822960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500" b="1">
                <a:solidFill>
                  <a:srgbClr val="1C1917"/>
                </a:solidFill>
                <a:latin typeface="Yu Gothic UI"/>
              </a:defRPr>
            </a:pPr>
            <a:r>
              <a:t>30 日無料トライアルの開始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1508760" y="2514600"/>
            <a:ext cx="8229600" cy="6400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license.h-insight.jp/download/INMV から無料ダウンロード。クレジットカード不要・予算決裁不要・即日試用可能。</a:t>
            </a:r>
          </a:p>
        </p:txBody>
      </p:sp>
      <p:sp>
        <p:nvSpPr>
          <p:cNvPr id="10" name="TextBox 9"/>
          <p:cNvSpPr txBox="1"/>
          <p:nvPr/>
        </p:nvSpPr>
        <p:spPr>
          <a:xfrm>
            <a:off x="10149840" y="2057400"/>
            <a:ext cx="1554480" cy="3657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担当</a:t>
            </a:r>
          </a:p>
        </p:txBody>
      </p:sp>
      <p:sp>
        <p:nvSpPr>
          <p:cNvPr id="11" name="TextBox 10"/>
          <p:cNvSpPr txBox="1"/>
          <p:nvPr/>
        </p:nvSpPr>
        <p:spPr>
          <a:xfrm>
            <a:off x="10149840" y="2423160"/>
            <a:ext cx="1554480" cy="64008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B8942F"/>
                </a:solidFill>
                <a:latin typeface="Yu Gothic UI"/>
              </a:defRPr>
            </a:pPr>
            <a:r>
              <a:t>IT 担当</a:t>
            </a:r>
          </a:p>
        </p:txBody>
      </p:sp>
      <p:sp>
        <p:nvSpPr>
          <p:cNvPr id="12" name="Rectangle 11"/>
          <p:cNvSpPr/>
          <p:nvPr/>
        </p:nvSpPr>
        <p:spPr>
          <a:xfrm>
            <a:off x="457200" y="3383280"/>
            <a:ext cx="822960" cy="123444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3" name="TextBox 12"/>
          <p:cNvSpPr txBox="1"/>
          <p:nvPr/>
        </p:nvSpPr>
        <p:spPr>
          <a:xfrm>
            <a:off x="457200" y="3383280"/>
            <a:ext cx="822960" cy="12344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4800" b="1">
                <a:solidFill>
                  <a:srgbClr val="FFFFFF"/>
                </a:solidFill>
                <a:latin typeface="Yu Gothic UI"/>
              </a:defRPr>
            </a:pPr>
            <a:r>
              <a:t>2</a:t>
            </a:r>
          </a:p>
        </p:txBody>
      </p:sp>
      <p:sp>
        <p:nvSpPr>
          <p:cNvPr id="14" name="Rectangle 13"/>
          <p:cNvSpPr/>
          <p:nvPr/>
        </p:nvSpPr>
        <p:spPr>
          <a:xfrm>
            <a:off x="1325880" y="3383280"/>
            <a:ext cx="10424160" cy="12344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5" name="TextBox 14"/>
          <p:cNvSpPr txBox="1"/>
          <p:nvPr/>
        </p:nvSpPr>
        <p:spPr>
          <a:xfrm>
            <a:off x="1508760" y="3474720"/>
            <a:ext cx="822960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500" b="1">
                <a:solidFill>
                  <a:srgbClr val="1C1917"/>
                </a:solidFill>
                <a:latin typeface="Yu Gothic UI"/>
              </a:defRPr>
            </a:pPr>
            <a:r>
              <a:t>業務システム 1 つを試験動画化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1508760" y="3931920"/>
            <a:ext cx="8229600" cy="6400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実際の業務システム（例: Salesforce / 自社開発の基幹）の操作研修を試作。画面録画＋ステップキャプチャの効果を IT/HR で評価。</a:t>
            </a:r>
          </a:p>
        </p:txBody>
      </p:sp>
      <p:sp>
        <p:nvSpPr>
          <p:cNvPr id="17" name="TextBox 16"/>
          <p:cNvSpPr txBox="1"/>
          <p:nvPr/>
        </p:nvSpPr>
        <p:spPr>
          <a:xfrm>
            <a:off x="10149840" y="3474720"/>
            <a:ext cx="1554480" cy="3657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担当</a:t>
            </a:r>
          </a:p>
        </p:txBody>
      </p:sp>
      <p:sp>
        <p:nvSpPr>
          <p:cNvPr id="18" name="TextBox 17"/>
          <p:cNvSpPr txBox="1"/>
          <p:nvPr/>
        </p:nvSpPr>
        <p:spPr>
          <a:xfrm>
            <a:off x="10149840" y="3840480"/>
            <a:ext cx="1554480" cy="64008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B8942F"/>
                </a:solidFill>
                <a:latin typeface="Yu Gothic UI"/>
              </a:defRPr>
            </a:pPr>
            <a:r>
              <a:t>IT + HR 担当</a:t>
            </a:r>
          </a:p>
        </p:txBody>
      </p:sp>
      <p:sp>
        <p:nvSpPr>
          <p:cNvPr id="19" name="Rectangle 18"/>
          <p:cNvSpPr/>
          <p:nvPr/>
        </p:nvSpPr>
        <p:spPr>
          <a:xfrm>
            <a:off x="457200" y="4800600"/>
            <a:ext cx="822960" cy="123444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0" name="TextBox 19"/>
          <p:cNvSpPr txBox="1"/>
          <p:nvPr/>
        </p:nvSpPr>
        <p:spPr>
          <a:xfrm>
            <a:off x="457200" y="4800600"/>
            <a:ext cx="822960" cy="123444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4800" b="1">
                <a:solidFill>
                  <a:srgbClr val="FFFFFF"/>
                </a:solidFill>
                <a:latin typeface="Yu Gothic UI"/>
              </a:defRPr>
            </a:pPr>
            <a:r>
              <a:t>3</a:t>
            </a:r>
          </a:p>
        </p:txBody>
      </p:sp>
      <p:sp>
        <p:nvSpPr>
          <p:cNvPr id="21" name="Rectangle 20"/>
          <p:cNvSpPr/>
          <p:nvPr/>
        </p:nvSpPr>
        <p:spPr>
          <a:xfrm>
            <a:off x="1325880" y="4800600"/>
            <a:ext cx="10424160" cy="123444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2" name="TextBox 21"/>
          <p:cNvSpPr txBox="1"/>
          <p:nvPr/>
        </p:nvSpPr>
        <p:spPr>
          <a:xfrm>
            <a:off x="1508760" y="4892040"/>
            <a:ext cx="822960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500" b="1">
                <a:solidFill>
                  <a:srgbClr val="1C1917"/>
                </a:solidFill>
                <a:latin typeface="Yu Gothic UI"/>
              </a:defRPr>
            </a:pPr>
            <a:r>
              <a:t>サンプル SCORM ZIP を社内 LMS で動作確認</a:t>
            </a:r>
          </a:p>
        </p:txBody>
      </p:sp>
      <p:sp>
        <p:nvSpPr>
          <p:cNvPr id="23" name="TextBox 22"/>
          <p:cNvSpPr txBox="1"/>
          <p:nvPr/>
        </p:nvSpPr>
        <p:spPr>
          <a:xfrm>
            <a:off x="1508760" y="5349240"/>
            <a:ext cx="8229600" cy="6400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insight-office.com/ja/topics/scorm-1-2 から SCORM 1.2 サンプル ZIP をダウンロード。自社 LMS に取り込んで完了証跡の自動記録を実検証。</a:t>
            </a:r>
          </a:p>
        </p:txBody>
      </p:sp>
      <p:sp>
        <p:nvSpPr>
          <p:cNvPr id="24" name="TextBox 23"/>
          <p:cNvSpPr txBox="1"/>
          <p:nvPr/>
        </p:nvSpPr>
        <p:spPr>
          <a:xfrm>
            <a:off x="10149840" y="4892040"/>
            <a:ext cx="1554480" cy="3657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担当</a:t>
            </a:r>
          </a:p>
        </p:txBody>
      </p:sp>
      <p:sp>
        <p:nvSpPr>
          <p:cNvPr id="25" name="TextBox 24"/>
          <p:cNvSpPr txBox="1"/>
          <p:nvPr/>
        </p:nvSpPr>
        <p:spPr>
          <a:xfrm>
            <a:off x="10149840" y="5257800"/>
            <a:ext cx="1554480" cy="64008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B8942F"/>
                </a:solidFill>
                <a:latin typeface="Yu Gothic UI"/>
              </a:defRPr>
            </a:pPr>
            <a:r>
              <a:t>IT + 人事システム担当</a:t>
            </a:r>
          </a:p>
        </p:txBody>
      </p:sp>
      <p:sp>
        <p:nvSpPr>
          <p:cNvPr id="26" name="Rectangle 25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7" name="TextBox 26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28" name="TextBox 27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13 / 14</a:t>
            </a:r>
          </a:p>
        </p:txBody>
      </p:sp>
    </p:spTree>
  </p:cSld>
  <p:clrMapOvr>
    <a:masterClrMapping/>
  </p:clrMapOvr>
</p:sld>
</file>

<file path=ppt/slides/slide14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REFERENCES &amp; CONTACT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参考資料・お問い合わせ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Rectangle 4"/>
          <p:cNvSpPr/>
          <p:nvPr/>
        </p:nvSpPr>
        <p:spPr>
          <a:xfrm>
            <a:off x="457200" y="1920240"/>
            <a:ext cx="11292840" cy="86868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" name="TextBox 5"/>
          <p:cNvSpPr txBox="1"/>
          <p:nvPr/>
        </p:nvSpPr>
        <p:spPr>
          <a:xfrm>
            <a:off x="640080" y="2011680"/>
            <a:ext cx="777240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300" b="1">
                <a:solidFill>
                  <a:srgbClr val="1C1917"/>
                </a:solidFill>
                <a:latin typeface="Yu Gothic UI"/>
              </a:defRPr>
            </a:pPr>
            <a:r>
              <a:t>製品 LP（Insight Training Studio）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640080" y="2377440"/>
            <a:ext cx="777240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B8942F"/>
                </a:solidFill>
                <a:latin typeface="Yu Gothic UI"/>
              </a:defRPr>
            </a:pPr>
            <a:r>
              <a:t>insight-office.com/ja/inmv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8503920" y="2103120"/>
            <a:ext cx="32004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全機能一覧・料金プラン・FAQ・無料ダウンロード</a:t>
            </a:r>
          </a:p>
        </p:txBody>
      </p:sp>
      <p:sp>
        <p:nvSpPr>
          <p:cNvPr id="9" name="Rectangle 8"/>
          <p:cNvSpPr/>
          <p:nvPr/>
        </p:nvSpPr>
        <p:spPr>
          <a:xfrm>
            <a:off x="457200" y="2880360"/>
            <a:ext cx="11292840" cy="86868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0" name="TextBox 9"/>
          <p:cNvSpPr txBox="1"/>
          <p:nvPr/>
        </p:nvSpPr>
        <p:spPr>
          <a:xfrm>
            <a:off x="640080" y="2971800"/>
            <a:ext cx="777240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300" b="1">
                <a:solidFill>
                  <a:srgbClr val="1C1917"/>
                </a:solidFill>
                <a:latin typeface="Yu Gothic UI"/>
              </a:defRPr>
            </a:pPr>
            <a:r>
              <a:t>SCORM 1.2 入門ガイド（5 分で読める）</a:t>
            </a:r>
          </a:p>
        </p:txBody>
      </p:sp>
      <p:sp>
        <p:nvSpPr>
          <p:cNvPr id="11" name="TextBox 10"/>
          <p:cNvSpPr txBox="1"/>
          <p:nvPr/>
        </p:nvSpPr>
        <p:spPr>
          <a:xfrm>
            <a:off x="640080" y="3337560"/>
            <a:ext cx="777240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B8942F"/>
                </a:solidFill>
                <a:latin typeface="Yu Gothic UI"/>
              </a:defRPr>
            </a:pPr>
            <a:r>
              <a:t>insight-office.com/ja/topics/scorm-1-2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8503920" y="3063240"/>
            <a:ext cx="32004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規格解説・対応 LMS・サンプル SCORM ZIP（13 MB）・60 秒解説動画</a:t>
            </a:r>
          </a:p>
        </p:txBody>
      </p:sp>
      <p:sp>
        <p:nvSpPr>
          <p:cNvPr id="13" name="Rectangle 12"/>
          <p:cNvSpPr/>
          <p:nvPr/>
        </p:nvSpPr>
        <p:spPr>
          <a:xfrm>
            <a:off x="457200" y="3840480"/>
            <a:ext cx="11292840" cy="86868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4" name="TextBox 13"/>
          <p:cNvSpPr txBox="1"/>
          <p:nvPr/>
        </p:nvSpPr>
        <p:spPr>
          <a:xfrm>
            <a:off x="640080" y="3931920"/>
            <a:ext cx="777240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300" b="1">
                <a:solidFill>
                  <a:srgbClr val="1C1917"/>
                </a:solidFill>
                <a:latin typeface="Yu Gothic UI"/>
              </a:defRPr>
            </a:pPr>
            <a:r>
              <a:t>60 秒解説動画（INMV で内製）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640080" y="4297680"/>
            <a:ext cx="777240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B8942F"/>
                </a:solidFill>
                <a:latin typeface="Yu Gothic UI"/>
              </a:defRPr>
            </a:pPr>
            <a:r>
              <a:t>insight-office.com/ja/topics/scorm-1-2#video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8503920" y="4023360"/>
            <a:ext cx="32004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PPTX → INMV で動画化した実例。同じ pipeline で自社研修動画が作れる</a:t>
            </a:r>
          </a:p>
        </p:txBody>
      </p:sp>
      <p:sp>
        <p:nvSpPr>
          <p:cNvPr id="17" name="Rectangle 16"/>
          <p:cNvSpPr/>
          <p:nvPr/>
        </p:nvSpPr>
        <p:spPr>
          <a:xfrm>
            <a:off x="457200" y="4800600"/>
            <a:ext cx="11292840" cy="86868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8" name="TextBox 17"/>
          <p:cNvSpPr txBox="1"/>
          <p:nvPr/>
        </p:nvSpPr>
        <p:spPr>
          <a:xfrm>
            <a:off x="640080" y="4892040"/>
            <a:ext cx="777240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300" b="1">
                <a:solidFill>
                  <a:srgbClr val="1C1917"/>
                </a:solidFill>
                <a:latin typeface="Yu Gothic UI"/>
              </a:defRPr>
            </a:pPr>
            <a:r>
              <a:t>法人問い合わせ・共同検証</a:t>
            </a:r>
          </a:p>
        </p:txBody>
      </p:sp>
      <p:sp>
        <p:nvSpPr>
          <p:cNvPr id="19" name="TextBox 18"/>
          <p:cNvSpPr txBox="1"/>
          <p:nvPr/>
        </p:nvSpPr>
        <p:spPr>
          <a:xfrm>
            <a:off x="640080" y="5257800"/>
            <a:ext cx="777240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B8942F"/>
                </a:solidFill>
                <a:latin typeface="Yu Gothic UI"/>
              </a:defRPr>
            </a:pPr>
            <a:r>
              <a:t>info@h-insight.jp</a:t>
            </a:r>
          </a:p>
        </p:txBody>
      </p:sp>
      <p:sp>
        <p:nvSpPr>
          <p:cNvPr id="20" name="TextBox 19"/>
          <p:cNvSpPr txBox="1"/>
          <p:nvPr/>
        </p:nvSpPr>
        <p:spPr>
          <a:xfrm>
            <a:off x="8503920" y="4983480"/>
            <a:ext cx="32004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自社 LMS との互換性検証・大規模展開のご相談・カスタム要件の個別対応</a:t>
            </a:r>
          </a:p>
        </p:txBody>
      </p:sp>
      <p:sp>
        <p:nvSpPr>
          <p:cNvPr id="21" name="Rectangle 20"/>
          <p:cNvSpPr/>
          <p:nvPr/>
        </p:nvSpPr>
        <p:spPr>
          <a:xfrm>
            <a:off x="457200" y="5852160"/>
            <a:ext cx="11292840" cy="73152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2" name="TextBox 21"/>
          <p:cNvSpPr txBox="1"/>
          <p:nvPr/>
        </p:nvSpPr>
        <p:spPr>
          <a:xfrm>
            <a:off x="457200" y="5852160"/>
            <a:ext cx="11292840" cy="73152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400" b="1">
                <a:solidFill>
                  <a:srgbClr val="FFFFFF"/>
                </a:solidFill>
                <a:latin typeface="Yu Gothic UI"/>
              </a:defRPr>
            </a:pPr>
            <a:r>
              <a:t>まず Phase 1（30 日無料トライアル）から。決裁手続きは試用後の判断で問題ありません。</a:t>
            </a:r>
          </a:p>
        </p:txBody>
      </p:sp>
      <p:sp>
        <p:nvSpPr>
          <p:cNvPr id="23" name="Rectangle 22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4" name="TextBox 23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25" name="TextBox 24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14 / 14</a:t>
            </a:r>
          </a:p>
        </p:txBody>
      </p:sp>
    </p:spTree>
  </p:cSld>
  <p:clrMapOvr>
    <a:masterClrMapping/>
  </p:clrMapOvr>
</p:sld>
</file>

<file path=ppt/slides/slide2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WHY NOW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なぜ今、内製化に踏み切るのか — 3 つの圧力が同時に来ている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Rectangle 4"/>
          <p:cNvSpPr/>
          <p:nvPr/>
        </p:nvSpPr>
        <p:spPr>
          <a:xfrm>
            <a:off x="457200" y="2011680"/>
            <a:ext cx="3703320" cy="411480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" name="TextBox 5"/>
          <p:cNvSpPr txBox="1"/>
          <p:nvPr/>
        </p:nvSpPr>
        <p:spPr>
          <a:xfrm>
            <a:off x="731520" y="2240280"/>
            <a:ext cx="3154679" cy="5486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0">
                <a:solidFill>
                  <a:srgbClr val="1C1917"/>
                </a:solidFill>
                <a:latin typeface="Yu Gothic UI"/>
              </a:defRPr>
            </a:pPr>
            <a:r>
              <a:t>📋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731520" y="2834640"/>
            <a:ext cx="315467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800" b="1">
                <a:solidFill>
                  <a:srgbClr val="1C1917"/>
                </a:solidFill>
                <a:latin typeface="Yu Gothic UI"/>
              </a:defRPr>
            </a:pPr>
            <a:r>
              <a:t>規制圧力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731520" y="3291840"/>
            <a:ext cx="3154679" cy="5486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200" b="1">
                <a:solidFill>
                  <a:srgbClr val="B8942F"/>
                </a:solidFill>
                <a:latin typeface="Yu Gothic UI"/>
              </a:defRPr>
            </a:pPr>
            <a:r>
              <a:t>2027 年 4 月施行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731520" y="3931920"/>
            <a:ext cx="3154679" cy="21031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育成就労制度（旧・技能実習）への移行で、外国人材向けの母国語安全衛生研修・業務研修の整備が事実上必須に。対応遅れは受入停止のリスク。</a:t>
            </a:r>
          </a:p>
        </p:txBody>
      </p:sp>
      <p:sp>
        <p:nvSpPr>
          <p:cNvPr id="10" name="Rectangle 9"/>
          <p:cNvSpPr/>
          <p:nvPr/>
        </p:nvSpPr>
        <p:spPr>
          <a:xfrm>
            <a:off x="4325112" y="2011680"/>
            <a:ext cx="3703320" cy="411480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1" name="TextBox 10"/>
          <p:cNvSpPr txBox="1"/>
          <p:nvPr/>
        </p:nvSpPr>
        <p:spPr>
          <a:xfrm>
            <a:off x="4599431" y="2240280"/>
            <a:ext cx="3154679" cy="5486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0">
                <a:solidFill>
                  <a:srgbClr val="1C1917"/>
                </a:solidFill>
                <a:latin typeface="Yu Gothic UI"/>
              </a:defRPr>
            </a:pPr>
            <a:r>
              <a:t>💰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4599431" y="2834640"/>
            <a:ext cx="315467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800" b="1">
                <a:solidFill>
                  <a:srgbClr val="1C1917"/>
                </a:solidFill>
                <a:latin typeface="Yu Gothic UI"/>
              </a:defRPr>
            </a:pPr>
            <a:r>
              <a:t>コスト圧力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4599431" y="3291840"/>
            <a:ext cx="3154679" cy="5486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200" b="1">
                <a:solidFill>
                  <a:srgbClr val="B8942F"/>
                </a:solidFill>
                <a:latin typeface="Yu Gothic UI"/>
              </a:defRPr>
            </a:pPr>
            <a:r>
              <a:t>1 本 30 万円 × 50 本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4599431" y="3931920"/>
            <a:ext cx="3154679" cy="21031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従来の研修動画外注は 1 本 30 万円前後。年間 50 本で 1,500 万円の固定費。改訂・多言語化のたびに追加費用が発生し、DX 予算を圧迫。</a:t>
            </a:r>
          </a:p>
        </p:txBody>
      </p:sp>
      <p:sp>
        <p:nvSpPr>
          <p:cNvPr id="15" name="Rectangle 14"/>
          <p:cNvSpPr/>
          <p:nvPr/>
        </p:nvSpPr>
        <p:spPr>
          <a:xfrm>
            <a:off x="8193023" y="2011680"/>
            <a:ext cx="3703320" cy="411480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6" name="TextBox 15"/>
          <p:cNvSpPr txBox="1"/>
          <p:nvPr/>
        </p:nvSpPr>
        <p:spPr>
          <a:xfrm>
            <a:off x="8467344" y="2240280"/>
            <a:ext cx="3154679" cy="5486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0">
                <a:solidFill>
                  <a:srgbClr val="1C1917"/>
                </a:solidFill>
                <a:latin typeface="Yu Gothic UI"/>
              </a:defRPr>
            </a:pPr>
            <a:r>
              <a:t>📊</a:t>
            </a:r>
          </a:p>
        </p:txBody>
      </p:sp>
      <p:sp>
        <p:nvSpPr>
          <p:cNvPr id="17" name="TextBox 16"/>
          <p:cNvSpPr txBox="1"/>
          <p:nvPr/>
        </p:nvSpPr>
        <p:spPr>
          <a:xfrm>
            <a:off x="8467344" y="2834640"/>
            <a:ext cx="315467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800" b="1">
                <a:solidFill>
                  <a:srgbClr val="1C1917"/>
                </a:solidFill>
                <a:latin typeface="Yu Gothic UI"/>
              </a:defRPr>
            </a:pPr>
            <a:r>
              <a:t>監査圧力</a:t>
            </a:r>
          </a:p>
        </p:txBody>
      </p:sp>
      <p:sp>
        <p:nvSpPr>
          <p:cNvPr id="18" name="TextBox 17"/>
          <p:cNvSpPr txBox="1"/>
          <p:nvPr/>
        </p:nvSpPr>
        <p:spPr>
          <a:xfrm>
            <a:off x="8467344" y="3291840"/>
            <a:ext cx="3154679" cy="5486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200" b="1">
                <a:solidFill>
                  <a:srgbClr val="B8942F"/>
                </a:solidFill>
                <a:latin typeface="Yu Gothic UI"/>
              </a:defRPr>
            </a:pPr>
            <a:r>
              <a:t>Excel 手集計の限界</a:t>
            </a:r>
          </a:p>
        </p:txBody>
      </p:sp>
      <p:sp>
        <p:nvSpPr>
          <p:cNvPr id="19" name="TextBox 18"/>
          <p:cNvSpPr txBox="1"/>
          <p:nvPr/>
        </p:nvSpPr>
        <p:spPr>
          <a:xfrm>
            <a:off x="8467344" y="3931920"/>
            <a:ext cx="3154679" cy="21031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法定研修（安全衛生・ハラスメント・育成就労）の実施証跡を行政検査用に手集計。監査時に「誰がいつ最後まで視聴したか」を遡って提示できる体制が必要。</a:t>
            </a:r>
          </a:p>
        </p:txBody>
      </p:sp>
      <p:sp>
        <p:nvSpPr>
          <p:cNvPr id="20" name="TextBox 19"/>
          <p:cNvSpPr txBox="1"/>
          <p:nvPr/>
        </p:nvSpPr>
        <p:spPr>
          <a:xfrm>
            <a:off x="457200" y="621792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1">
                <a:solidFill>
                  <a:srgbClr val="B8942F"/>
                </a:solidFill>
                <a:latin typeface="Yu Gothic UI"/>
              </a:defRPr>
            </a:pPr>
            <a:r>
              <a:t>→ これら 3 つは独立して発生しているのではなく、同時に解決できる「内製化 × LMS 連携」が要点。</a:t>
            </a:r>
          </a:p>
        </p:txBody>
      </p:sp>
      <p:sp>
        <p:nvSpPr>
          <p:cNvPr id="21" name="Rectangle 20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2" name="TextBox 21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23" name="TextBox 22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2 / 14</a:t>
            </a:r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CURRENT STATE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現状の課題（自社状況に書き換えて利用）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Rectangle 4"/>
          <p:cNvSpPr/>
          <p:nvPr/>
        </p:nvSpPr>
        <p:spPr>
          <a:xfrm>
            <a:off x="457200" y="2011680"/>
            <a:ext cx="54864" cy="640080"/>
          </a:xfrm>
          <a:prstGeom prst="rect">
            <a:avLst/>
          </a:prstGeom>
          <a:solidFill>
            <a:srgbClr val="DC2626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" name="TextBox 5"/>
          <p:cNvSpPr txBox="1"/>
          <p:nvPr/>
        </p:nvSpPr>
        <p:spPr>
          <a:xfrm>
            <a:off x="685800" y="2011680"/>
            <a:ext cx="1097280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動画制作を外注頼りで運用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685800" y="2359152"/>
            <a:ext cx="1097280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外注 1 本 30 万円・納期 3〜4 週間。改訂・差し替えがしにくく、最新化が追いつかない。</a:t>
            </a:r>
          </a:p>
        </p:txBody>
      </p:sp>
      <p:sp>
        <p:nvSpPr>
          <p:cNvPr id="8" name="Rectangle 7"/>
          <p:cNvSpPr/>
          <p:nvPr/>
        </p:nvSpPr>
        <p:spPr>
          <a:xfrm>
            <a:off x="457200" y="2852928"/>
            <a:ext cx="54864" cy="640080"/>
          </a:xfrm>
          <a:prstGeom prst="rect">
            <a:avLst/>
          </a:prstGeom>
          <a:solidFill>
            <a:srgbClr val="DC2626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9" name="TextBox 8"/>
          <p:cNvSpPr txBox="1"/>
          <p:nvPr/>
        </p:nvSpPr>
        <p:spPr>
          <a:xfrm>
            <a:off x="685800" y="2852928"/>
            <a:ext cx="1097280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多言語化が予算的に不可能</a:t>
            </a:r>
          </a:p>
        </p:txBody>
      </p:sp>
      <p:sp>
        <p:nvSpPr>
          <p:cNvPr id="10" name="TextBox 9"/>
          <p:cNvSpPr txBox="1"/>
          <p:nvPr/>
        </p:nvSpPr>
        <p:spPr>
          <a:xfrm>
            <a:off x="685800" y="3200400"/>
            <a:ext cx="1097280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1 本を 9 言語化すると 270 万円規模になり、育成就労対応が現実的でない。</a:t>
            </a:r>
          </a:p>
        </p:txBody>
      </p:sp>
      <p:sp>
        <p:nvSpPr>
          <p:cNvPr id="11" name="Rectangle 10"/>
          <p:cNvSpPr/>
          <p:nvPr/>
        </p:nvSpPr>
        <p:spPr>
          <a:xfrm>
            <a:off x="457200" y="3694176"/>
            <a:ext cx="54864" cy="640080"/>
          </a:xfrm>
          <a:prstGeom prst="rect">
            <a:avLst/>
          </a:prstGeom>
          <a:solidFill>
            <a:srgbClr val="DC2626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2" name="TextBox 11"/>
          <p:cNvSpPr txBox="1"/>
          <p:nvPr/>
        </p:nvSpPr>
        <p:spPr>
          <a:xfrm>
            <a:off x="685800" y="3694176"/>
            <a:ext cx="1097280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LMS に取り込めず完了証跡が手作業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685800" y="4041648"/>
            <a:ext cx="1097280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MP4 を社内サーバーに置くだけで、受講者の完了 / 視聴時間を Excel で手集計。</a:t>
            </a:r>
          </a:p>
        </p:txBody>
      </p:sp>
      <p:sp>
        <p:nvSpPr>
          <p:cNvPr id="14" name="Rectangle 13"/>
          <p:cNvSpPr/>
          <p:nvPr/>
        </p:nvSpPr>
        <p:spPr>
          <a:xfrm>
            <a:off x="457200" y="4535424"/>
            <a:ext cx="54864" cy="640080"/>
          </a:xfrm>
          <a:prstGeom prst="rect">
            <a:avLst/>
          </a:prstGeom>
          <a:solidFill>
            <a:srgbClr val="DC2626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5" name="TextBox 14"/>
          <p:cNvSpPr txBox="1"/>
          <p:nvPr/>
        </p:nvSpPr>
        <p:spPr>
          <a:xfrm>
            <a:off x="685800" y="4535424"/>
            <a:ext cx="1097280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セキュリティの厳しい研修がクラウドに上げられない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685800" y="4882896"/>
            <a:ext cx="1097280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個人情報・業務手順を含む研修は、社外 SaaS に上げられない制約がある。</a:t>
            </a:r>
          </a:p>
        </p:txBody>
      </p:sp>
      <p:sp>
        <p:nvSpPr>
          <p:cNvPr id="17" name="Rectangle 16"/>
          <p:cNvSpPr/>
          <p:nvPr/>
        </p:nvSpPr>
        <p:spPr>
          <a:xfrm>
            <a:off x="457200" y="5376672"/>
            <a:ext cx="54864" cy="640080"/>
          </a:xfrm>
          <a:prstGeom prst="rect">
            <a:avLst/>
          </a:prstGeom>
          <a:solidFill>
            <a:srgbClr val="DC2626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8" name="TextBox 17"/>
          <p:cNvSpPr txBox="1"/>
          <p:nvPr/>
        </p:nvSpPr>
        <p:spPr>
          <a:xfrm>
            <a:off x="685800" y="5376672"/>
            <a:ext cx="1097280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法定研修の改訂サイクルに追従できない</a:t>
            </a:r>
          </a:p>
        </p:txBody>
      </p:sp>
      <p:sp>
        <p:nvSpPr>
          <p:cNvPr id="19" name="TextBox 18"/>
          <p:cNvSpPr txBox="1"/>
          <p:nvPr/>
        </p:nvSpPr>
        <p:spPr>
          <a:xfrm>
            <a:off x="685800" y="5724144"/>
            <a:ext cx="1097280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法令改正のたびに動画を作り直すのが現実的でない。</a:t>
            </a:r>
          </a:p>
        </p:txBody>
      </p:sp>
      <p:sp>
        <p:nvSpPr>
          <p:cNvPr id="20" name="Rectangle 19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1" name="TextBox 20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22" name="TextBox 21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3 / 14</a:t>
            </a:r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PROPOSAL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提案: Insight Training Studio で研修動画を内製化する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TextBox 4"/>
          <p:cNvSpPr txBox="1"/>
          <p:nvPr/>
        </p:nvSpPr>
        <p:spPr>
          <a:xfrm>
            <a:off x="457200" y="1828800"/>
            <a:ext cx="1124712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600" b="1">
                <a:solidFill>
                  <a:srgbClr val="1C1917"/>
                </a:solidFill>
                <a:latin typeface="Yu Gothic UI"/>
              </a:defRPr>
            </a:pPr>
            <a:r>
              <a:t>PowerPoint を入れるだけで、5分で多言語研修動画 + 操作マニュアル + SCORM 1.2 パッケージを生成。</a:t>
            </a:r>
          </a:p>
        </p:txBody>
      </p:sp>
      <p:sp>
        <p:nvSpPr>
          <p:cNvPr id="6" name="Rectangle 5"/>
          <p:cNvSpPr/>
          <p:nvPr/>
        </p:nvSpPr>
        <p:spPr>
          <a:xfrm>
            <a:off x="457200" y="2606040"/>
            <a:ext cx="3749039" cy="1737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7" name="TextBox 6"/>
          <p:cNvSpPr txBox="1"/>
          <p:nvPr/>
        </p:nvSpPr>
        <p:spPr>
          <a:xfrm>
            <a:off x="685800" y="2788920"/>
            <a:ext cx="64008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200" b="0">
                <a:solidFill>
                  <a:srgbClr val="1C1917"/>
                </a:solidFill>
                <a:latin typeface="Yu Gothic UI"/>
              </a:defRPr>
            </a:pPr>
            <a:r>
              <a:t>📊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1234440" y="2834640"/>
            <a:ext cx="283463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PPT/PDF → 動画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685800" y="3429000"/>
            <a:ext cx="3291839" cy="8686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既存のスライドからナレーション付き動画を5分で。編集スキル不要</a:t>
            </a:r>
          </a:p>
        </p:txBody>
      </p:sp>
      <p:sp>
        <p:nvSpPr>
          <p:cNvPr id="10" name="Rectangle 9"/>
          <p:cNvSpPr/>
          <p:nvPr/>
        </p:nvSpPr>
        <p:spPr>
          <a:xfrm>
            <a:off x="4325112" y="2606040"/>
            <a:ext cx="3749039" cy="1737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1" name="TextBox 10"/>
          <p:cNvSpPr txBox="1"/>
          <p:nvPr/>
        </p:nvSpPr>
        <p:spPr>
          <a:xfrm>
            <a:off x="4553712" y="2788920"/>
            <a:ext cx="64008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200" b="0">
                <a:solidFill>
                  <a:srgbClr val="1C1917"/>
                </a:solidFill>
                <a:latin typeface="Yu Gothic UI"/>
              </a:defRPr>
            </a:pPr>
            <a:r>
              <a:t>🖥️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5102351" y="2834640"/>
            <a:ext cx="283463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画面録画 → チュートリアル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4553712" y="3429000"/>
            <a:ext cx="3291839" cy="8686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システムの操作画面を録画 → AI ナレーション付き研修動画に</a:t>
            </a:r>
          </a:p>
        </p:txBody>
      </p:sp>
      <p:sp>
        <p:nvSpPr>
          <p:cNvPr id="14" name="Rectangle 13"/>
          <p:cNvSpPr/>
          <p:nvPr/>
        </p:nvSpPr>
        <p:spPr>
          <a:xfrm>
            <a:off x="8193023" y="2606040"/>
            <a:ext cx="3749039" cy="1737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5" name="TextBox 14"/>
          <p:cNvSpPr txBox="1"/>
          <p:nvPr/>
        </p:nvSpPr>
        <p:spPr>
          <a:xfrm>
            <a:off x="8421624" y="2788920"/>
            <a:ext cx="64008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200" b="0">
                <a:solidFill>
                  <a:srgbClr val="1C1917"/>
                </a:solidFill>
                <a:latin typeface="Yu Gothic UI"/>
              </a:defRPr>
            </a:pPr>
            <a:r>
              <a:t>📝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8970263" y="2834640"/>
            <a:ext cx="283463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ステップキャプチャ → マニュアル</a:t>
            </a:r>
          </a:p>
        </p:txBody>
      </p:sp>
      <p:sp>
        <p:nvSpPr>
          <p:cNvPr id="17" name="TextBox 16"/>
          <p:cNvSpPr txBox="1"/>
          <p:nvPr/>
        </p:nvSpPr>
        <p:spPr>
          <a:xfrm>
            <a:off x="8421624" y="3429000"/>
            <a:ext cx="3291839" cy="8686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クリックするだけで番号付き操作手順書を自動生成</a:t>
            </a:r>
          </a:p>
        </p:txBody>
      </p:sp>
      <p:sp>
        <p:nvSpPr>
          <p:cNvPr id="18" name="Rectangle 17"/>
          <p:cNvSpPr/>
          <p:nvPr/>
        </p:nvSpPr>
        <p:spPr>
          <a:xfrm>
            <a:off x="457200" y="4507992"/>
            <a:ext cx="3749039" cy="1737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9" name="TextBox 18"/>
          <p:cNvSpPr txBox="1"/>
          <p:nvPr/>
        </p:nvSpPr>
        <p:spPr>
          <a:xfrm>
            <a:off x="685800" y="4690872"/>
            <a:ext cx="64008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200" b="0">
                <a:solidFill>
                  <a:srgbClr val="1C1917"/>
                </a:solidFill>
                <a:latin typeface="Yu Gothic UI"/>
              </a:defRPr>
            </a:pPr>
            <a:r>
              <a:t>🌏</a:t>
            </a:r>
          </a:p>
        </p:txBody>
      </p:sp>
      <p:sp>
        <p:nvSpPr>
          <p:cNvPr id="20" name="TextBox 19"/>
          <p:cNvSpPr txBox="1"/>
          <p:nvPr/>
        </p:nvSpPr>
        <p:spPr>
          <a:xfrm>
            <a:off x="1234440" y="4736592"/>
            <a:ext cx="283463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47 言語 + 育成就労 9 言語</a:t>
            </a:r>
          </a:p>
        </p:txBody>
      </p:sp>
      <p:sp>
        <p:nvSpPr>
          <p:cNvPr id="21" name="TextBox 20"/>
          <p:cNvSpPr txBox="1"/>
          <p:nvPr/>
        </p:nvSpPr>
        <p:spPr>
          <a:xfrm>
            <a:off x="685800" y="5330952"/>
            <a:ext cx="3291839" cy="8686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ベトナム・インドネシア・タガログ等を一括出力</a:t>
            </a:r>
          </a:p>
        </p:txBody>
      </p:sp>
      <p:sp>
        <p:nvSpPr>
          <p:cNvPr id="22" name="Rectangle 21"/>
          <p:cNvSpPr/>
          <p:nvPr/>
        </p:nvSpPr>
        <p:spPr>
          <a:xfrm>
            <a:off x="4325112" y="4507992"/>
            <a:ext cx="3749039" cy="1737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3" name="TextBox 22"/>
          <p:cNvSpPr txBox="1"/>
          <p:nvPr/>
        </p:nvSpPr>
        <p:spPr>
          <a:xfrm>
            <a:off x="4553712" y="4690872"/>
            <a:ext cx="64008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200" b="0">
                <a:solidFill>
                  <a:srgbClr val="1C1917"/>
                </a:solidFill>
                <a:latin typeface="Yu Gothic UI"/>
              </a:defRPr>
            </a:pPr>
            <a:r>
              <a:t>🔒</a:t>
            </a:r>
          </a:p>
        </p:txBody>
      </p:sp>
      <p:sp>
        <p:nvSpPr>
          <p:cNvPr id="24" name="TextBox 23"/>
          <p:cNvSpPr txBox="1"/>
          <p:nvPr/>
        </p:nvSpPr>
        <p:spPr>
          <a:xfrm>
            <a:off x="5102351" y="4736592"/>
            <a:ext cx="283463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ローカル処理 + BYOK</a:t>
            </a:r>
          </a:p>
        </p:txBody>
      </p:sp>
      <p:sp>
        <p:nvSpPr>
          <p:cNvPr id="25" name="TextBox 24"/>
          <p:cNvSpPr txBox="1"/>
          <p:nvPr/>
        </p:nvSpPr>
        <p:spPr>
          <a:xfrm>
            <a:off x="4553712" y="5330952"/>
            <a:ext cx="3291839" cy="8686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機密研修はクラウドに上げず、完全オフラインで処理可能</a:t>
            </a:r>
          </a:p>
        </p:txBody>
      </p:sp>
      <p:sp>
        <p:nvSpPr>
          <p:cNvPr id="26" name="Rectangle 25"/>
          <p:cNvSpPr/>
          <p:nvPr/>
        </p:nvSpPr>
        <p:spPr>
          <a:xfrm>
            <a:off x="8193023" y="4507992"/>
            <a:ext cx="3749039" cy="1737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7" name="TextBox 26"/>
          <p:cNvSpPr txBox="1"/>
          <p:nvPr/>
        </p:nvSpPr>
        <p:spPr>
          <a:xfrm>
            <a:off x="8421624" y="4690872"/>
            <a:ext cx="64008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200" b="0">
                <a:solidFill>
                  <a:srgbClr val="1C1917"/>
                </a:solidFill>
                <a:latin typeface="Yu Gothic UI"/>
              </a:defRPr>
            </a:pPr>
            <a:r>
              <a:t>🎓</a:t>
            </a:r>
          </a:p>
        </p:txBody>
      </p:sp>
      <p:sp>
        <p:nvSpPr>
          <p:cNvPr id="28" name="TextBox 27"/>
          <p:cNvSpPr txBox="1"/>
          <p:nvPr/>
        </p:nvSpPr>
        <p:spPr>
          <a:xfrm>
            <a:off x="8970263" y="4736592"/>
            <a:ext cx="283463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SCORM 1.2 出力</a:t>
            </a:r>
          </a:p>
        </p:txBody>
      </p:sp>
      <p:sp>
        <p:nvSpPr>
          <p:cNvPr id="29" name="TextBox 28"/>
          <p:cNvSpPr txBox="1"/>
          <p:nvPr/>
        </p:nvSpPr>
        <p:spPr>
          <a:xfrm>
            <a:off x="8421624" y="5330952"/>
            <a:ext cx="3291839" cy="8686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Moodle・Cornerstone など主要 LMS にそのまま投入</a:t>
            </a:r>
          </a:p>
        </p:txBody>
      </p:sp>
      <p:sp>
        <p:nvSpPr>
          <p:cNvPr id="30" name="TextBox 29"/>
          <p:cNvSpPr txBox="1"/>
          <p:nvPr/>
        </p:nvSpPr>
        <p:spPr>
          <a:xfrm>
            <a:off x="457200" y="6355080"/>
            <a:ext cx="11247120" cy="2743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1">
                <a:solidFill>
                  <a:srgbClr val="B8942F"/>
                </a:solidFill>
                <a:latin typeface="Yu Gothic UI"/>
              </a:defRPr>
            </a:pPr>
            <a:r>
              <a:t>→ 1 つのツールで「動画 × マニュアル × 多言語 × LMS 連携 × セキュリティ」5 軸を同時に解決</a:t>
            </a:r>
          </a:p>
        </p:txBody>
      </p:sp>
      <p:sp>
        <p:nvSpPr>
          <p:cNvPr id="31" name="Rectangle 30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2" name="TextBox 31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33" name="TextBox 32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4 / 14</a:t>
            </a:r>
          </a:p>
        </p:txBody>
      </p:sp>
    </p:spTree>
  </p:cSld>
  <p:clrMapOvr>
    <a:masterClrMapping/>
  </p:clrMapOvr>
</p:sld>
</file>

<file path=ppt/slides/slide5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ROI CALCULATION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コスト試算 — 動画外注からの内製化で年間どこまで削減できるか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Rectangle 4"/>
          <p:cNvSpPr/>
          <p:nvPr/>
        </p:nvSpPr>
        <p:spPr>
          <a:xfrm>
            <a:off x="457200" y="1920240"/>
            <a:ext cx="5486400" cy="393192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" name="TextBox 5"/>
          <p:cNvSpPr txBox="1"/>
          <p:nvPr/>
        </p:nvSpPr>
        <p:spPr>
          <a:xfrm>
            <a:off x="640080" y="2057400"/>
            <a:ext cx="530352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DC2626"/>
                </a:solidFill>
                <a:latin typeface="Yu Gothic UI"/>
              </a:defRPr>
            </a:pPr>
            <a:r>
              <a:t>Before（現状・外注）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640080" y="2606040"/>
            <a:ext cx="530352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1,500 万円 / 年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640080" y="324612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0">
                <a:solidFill>
                  <a:srgbClr val="57534E"/>
                </a:solidFill>
                <a:latin typeface="Yu Gothic UI"/>
              </a:defRPr>
            </a:pPr>
            <a:r>
              <a:t>= 1 本 30 万円 × 50 本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640080" y="370332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納期 3〜4 週間 / 本</a:t>
            </a:r>
          </a:p>
        </p:txBody>
      </p:sp>
      <p:sp>
        <p:nvSpPr>
          <p:cNvPr id="10" name="TextBox 9"/>
          <p:cNvSpPr txBox="1"/>
          <p:nvPr/>
        </p:nvSpPr>
        <p:spPr>
          <a:xfrm>
            <a:off x="640080" y="406908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改訂・修正は追加費用</a:t>
            </a:r>
          </a:p>
        </p:txBody>
      </p:sp>
      <p:sp>
        <p:nvSpPr>
          <p:cNvPr id="11" name="TextBox 10"/>
          <p:cNvSpPr txBox="1"/>
          <p:nvPr/>
        </p:nvSpPr>
        <p:spPr>
          <a:xfrm>
            <a:off x="640080" y="443484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多言語化は別費用（× 言語数）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640080" y="480060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制作品質は外注先依存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640080" y="516636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LMS 取り込み不可（証跡手集計）</a:t>
            </a:r>
          </a:p>
        </p:txBody>
      </p:sp>
      <p:sp>
        <p:nvSpPr>
          <p:cNvPr id="14" name="Rectangle 13"/>
          <p:cNvSpPr/>
          <p:nvPr/>
        </p:nvSpPr>
        <p:spPr>
          <a:xfrm>
            <a:off x="6263640" y="1920240"/>
            <a:ext cx="5486400" cy="393192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5" name="TextBox 14"/>
          <p:cNvSpPr txBox="1"/>
          <p:nvPr/>
        </p:nvSpPr>
        <p:spPr>
          <a:xfrm>
            <a:off x="6446520" y="2057400"/>
            <a:ext cx="530352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6A34A"/>
                </a:solidFill>
                <a:latin typeface="Yu Gothic UI"/>
              </a:defRPr>
            </a:pPr>
            <a:r>
              <a:t>After（INMV 内製化）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6446520" y="2606040"/>
            <a:ext cx="530352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B8942F"/>
                </a:solidFill>
                <a:latin typeface="Yu Gothic UI"/>
              </a:defRPr>
            </a:pPr>
            <a:r>
              <a:t>5 万円 / 年</a:t>
            </a:r>
          </a:p>
        </p:txBody>
      </p:sp>
      <p:sp>
        <p:nvSpPr>
          <p:cNvPr id="17" name="TextBox 16"/>
          <p:cNvSpPr txBox="1"/>
          <p:nvPr/>
        </p:nvSpPr>
        <p:spPr>
          <a:xfrm>
            <a:off x="6446520" y="324612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0">
                <a:solidFill>
                  <a:srgbClr val="57534E"/>
                </a:solidFill>
                <a:latin typeface="Yu Gothic UI"/>
              </a:defRPr>
            </a:pPr>
            <a:r>
              <a:t>= 法人ライセンス × 1 端末</a:t>
            </a:r>
          </a:p>
        </p:txBody>
      </p:sp>
      <p:sp>
        <p:nvSpPr>
          <p:cNvPr id="18" name="TextBox 17"/>
          <p:cNvSpPr txBox="1"/>
          <p:nvPr/>
        </p:nvSpPr>
        <p:spPr>
          <a:xfrm>
            <a:off x="6446520" y="370332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1 本 5 分で完成</a:t>
            </a:r>
          </a:p>
        </p:txBody>
      </p:sp>
      <p:sp>
        <p:nvSpPr>
          <p:cNvPr id="19" name="TextBox 18"/>
          <p:cNvSpPr txBox="1"/>
          <p:nvPr/>
        </p:nvSpPr>
        <p:spPr>
          <a:xfrm>
            <a:off x="6446520" y="406908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改訂・修正は追加費用なし</a:t>
            </a:r>
          </a:p>
        </p:txBody>
      </p:sp>
      <p:sp>
        <p:nvSpPr>
          <p:cNvPr id="20" name="TextBox 19"/>
          <p:cNvSpPr txBox="1"/>
          <p:nvPr/>
        </p:nvSpPr>
        <p:spPr>
          <a:xfrm>
            <a:off x="6446520" y="443484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多言語化は同一 PPTX から自動</a:t>
            </a:r>
          </a:p>
        </p:txBody>
      </p:sp>
      <p:sp>
        <p:nvSpPr>
          <p:cNvPr id="21" name="TextBox 20"/>
          <p:cNvSpPr txBox="1"/>
          <p:nvPr/>
        </p:nvSpPr>
        <p:spPr>
          <a:xfrm>
            <a:off x="6446520" y="480060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品質は社内基準でコントロール</a:t>
            </a:r>
          </a:p>
        </p:txBody>
      </p:sp>
      <p:sp>
        <p:nvSpPr>
          <p:cNvPr id="22" name="TextBox 21"/>
          <p:cNvSpPr txBox="1"/>
          <p:nvPr/>
        </p:nvSpPr>
        <p:spPr>
          <a:xfrm>
            <a:off x="6446520" y="5166360"/>
            <a:ext cx="53035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• SCORM 1.2 で LMS 自動取り込み</a:t>
            </a:r>
          </a:p>
        </p:txBody>
      </p:sp>
      <p:sp>
        <p:nvSpPr>
          <p:cNvPr id="23" name="Rectangle 22"/>
          <p:cNvSpPr/>
          <p:nvPr/>
        </p:nvSpPr>
        <p:spPr>
          <a:xfrm>
            <a:off x="457200" y="5989320"/>
            <a:ext cx="11292840" cy="50292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4" name="TextBox 23"/>
          <p:cNvSpPr txBox="1"/>
          <p:nvPr/>
        </p:nvSpPr>
        <p:spPr>
          <a:xfrm>
            <a:off x="457200" y="5989320"/>
            <a:ext cx="11292840" cy="50292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600" b="1">
                <a:solidFill>
                  <a:srgbClr val="FFFFFF"/>
                </a:solidFill>
                <a:latin typeface="Yu Gothic UI"/>
              </a:defRPr>
            </a:pPr>
            <a:r>
              <a:t>削減額: 約 1,495 万円 / 年（99.7%）  →  3 年累計で約 4,485 万円</a:t>
            </a:r>
          </a:p>
        </p:txBody>
      </p:sp>
      <p:sp>
        <p:nvSpPr>
          <p:cNvPr id="25" name="Rectangle 24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6" name="TextBox 25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27" name="TextBox 26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5 / 14</a:t>
            </a:r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MULTILINGUAL ROI · 育成就労 2027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外国人材向け多言語研修 — 追加コストゼロで 9 言語対応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TextBox 4"/>
          <p:cNvSpPr txBox="1"/>
          <p:nvPr/>
        </p:nvSpPr>
        <p:spPr>
          <a:xfrm>
            <a:off x="457200" y="1920240"/>
            <a:ext cx="1124712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0">
                <a:solidFill>
                  <a:srgbClr val="57534E"/>
                </a:solidFill>
                <a:latin typeface="Yu Gothic UI"/>
              </a:defRPr>
            </a:pPr>
            <a:r>
              <a:t>育成就労 2027 では、母国語での安全衛生・業務研修が事実上必須に。動画 1 本を 9 言語化したときのコスト試算：</a:t>
            </a:r>
          </a:p>
        </p:txBody>
      </p:sp>
      <p:sp>
        <p:nvSpPr>
          <p:cNvPr id="6" name="Rectangle 5"/>
          <p:cNvSpPr/>
          <p:nvPr/>
        </p:nvSpPr>
        <p:spPr>
          <a:xfrm>
            <a:off x="457200" y="2697480"/>
            <a:ext cx="3200400" cy="45720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7" name="TextBox 6"/>
          <p:cNvSpPr txBox="1"/>
          <p:nvPr/>
        </p:nvSpPr>
        <p:spPr>
          <a:xfrm>
            <a:off x="457200" y="2697480"/>
            <a:ext cx="3200400" cy="45720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FFFFFF"/>
                </a:solidFill>
                <a:latin typeface="Yu Gothic UI"/>
              </a:defRPr>
            </a:pPr>
            <a:r>
              <a:t>対応方式</a:t>
            </a:r>
          </a:p>
        </p:txBody>
      </p:sp>
      <p:sp>
        <p:nvSpPr>
          <p:cNvPr id="8" name="Rectangle 7"/>
          <p:cNvSpPr/>
          <p:nvPr/>
        </p:nvSpPr>
        <p:spPr>
          <a:xfrm>
            <a:off x="3657600" y="2697480"/>
            <a:ext cx="2560320" cy="45720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9" name="TextBox 8"/>
          <p:cNvSpPr txBox="1"/>
          <p:nvPr/>
        </p:nvSpPr>
        <p:spPr>
          <a:xfrm>
            <a:off x="3657600" y="2697480"/>
            <a:ext cx="2560320" cy="45720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FFFFFF"/>
                </a:solidFill>
                <a:latin typeface="Yu Gothic UI"/>
              </a:defRPr>
            </a:pPr>
            <a:r>
              <a:t>コスト試算</a:t>
            </a:r>
          </a:p>
        </p:txBody>
      </p:sp>
      <p:sp>
        <p:nvSpPr>
          <p:cNvPr id="10" name="Rectangle 9"/>
          <p:cNvSpPr/>
          <p:nvPr/>
        </p:nvSpPr>
        <p:spPr>
          <a:xfrm>
            <a:off x="6217920" y="2697480"/>
            <a:ext cx="2286000" cy="45720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1" name="TextBox 10"/>
          <p:cNvSpPr txBox="1"/>
          <p:nvPr/>
        </p:nvSpPr>
        <p:spPr>
          <a:xfrm>
            <a:off x="6217920" y="2697480"/>
            <a:ext cx="2286000" cy="45720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FFFFFF"/>
                </a:solidFill>
                <a:latin typeface="Yu Gothic UI"/>
              </a:defRPr>
            </a:pPr>
            <a:r>
              <a:t>納期</a:t>
            </a:r>
          </a:p>
        </p:txBody>
      </p:sp>
      <p:sp>
        <p:nvSpPr>
          <p:cNvPr id="12" name="Rectangle 11"/>
          <p:cNvSpPr/>
          <p:nvPr/>
        </p:nvSpPr>
        <p:spPr>
          <a:xfrm>
            <a:off x="8503920" y="2697480"/>
            <a:ext cx="3200400" cy="45720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3" name="TextBox 12"/>
          <p:cNvSpPr txBox="1"/>
          <p:nvPr/>
        </p:nvSpPr>
        <p:spPr>
          <a:xfrm>
            <a:off x="8503920" y="2697480"/>
            <a:ext cx="3200400" cy="45720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FFFFFF"/>
                </a:solidFill>
                <a:latin typeface="Yu Gothic UI"/>
              </a:defRPr>
            </a:pPr>
            <a:r>
              <a:t>改訂のしやすさ</a:t>
            </a:r>
          </a:p>
        </p:txBody>
      </p:sp>
      <p:sp>
        <p:nvSpPr>
          <p:cNvPr id="14" name="Rectangle 13"/>
          <p:cNvSpPr/>
          <p:nvPr/>
        </p:nvSpPr>
        <p:spPr>
          <a:xfrm>
            <a:off x="457200" y="3154680"/>
            <a:ext cx="320040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5" name="TextBox 14"/>
          <p:cNvSpPr txBox="1"/>
          <p:nvPr/>
        </p:nvSpPr>
        <p:spPr>
          <a:xfrm>
            <a:off x="457200" y="3154680"/>
            <a:ext cx="32004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従来 (外注 × 9 言語)</a:t>
            </a:r>
          </a:p>
        </p:txBody>
      </p:sp>
      <p:sp>
        <p:nvSpPr>
          <p:cNvPr id="16" name="Rectangle 15"/>
          <p:cNvSpPr/>
          <p:nvPr/>
        </p:nvSpPr>
        <p:spPr>
          <a:xfrm>
            <a:off x="3657600" y="3154680"/>
            <a:ext cx="256032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7" name="TextBox 16"/>
          <p:cNvSpPr txBox="1"/>
          <p:nvPr/>
        </p:nvSpPr>
        <p:spPr>
          <a:xfrm>
            <a:off x="3657600" y="3154680"/>
            <a:ext cx="2560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270 万円 / 動画</a:t>
            </a:r>
          </a:p>
        </p:txBody>
      </p:sp>
      <p:sp>
        <p:nvSpPr>
          <p:cNvPr id="18" name="Rectangle 17"/>
          <p:cNvSpPr/>
          <p:nvPr/>
        </p:nvSpPr>
        <p:spPr>
          <a:xfrm>
            <a:off x="6217920" y="3154680"/>
            <a:ext cx="228600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9" name="TextBox 18"/>
          <p:cNvSpPr txBox="1"/>
          <p:nvPr/>
        </p:nvSpPr>
        <p:spPr>
          <a:xfrm>
            <a:off x="6217920" y="3154680"/>
            <a:ext cx="22860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9〜12 週間</a:t>
            </a:r>
          </a:p>
        </p:txBody>
      </p:sp>
      <p:sp>
        <p:nvSpPr>
          <p:cNvPr id="20" name="Rectangle 19"/>
          <p:cNvSpPr/>
          <p:nvPr/>
        </p:nvSpPr>
        <p:spPr>
          <a:xfrm>
            <a:off x="8503920" y="3154680"/>
            <a:ext cx="320040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1" name="TextBox 20"/>
          <p:cNvSpPr txBox="1"/>
          <p:nvPr/>
        </p:nvSpPr>
        <p:spPr>
          <a:xfrm>
            <a:off x="8503920" y="3154680"/>
            <a:ext cx="32004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言語ごとに再発注</a:t>
            </a:r>
          </a:p>
        </p:txBody>
      </p:sp>
      <p:sp>
        <p:nvSpPr>
          <p:cNvPr id="22" name="Rectangle 21"/>
          <p:cNvSpPr/>
          <p:nvPr/>
        </p:nvSpPr>
        <p:spPr>
          <a:xfrm>
            <a:off x="457200" y="3749040"/>
            <a:ext cx="320040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3" name="TextBox 22"/>
          <p:cNvSpPr txBox="1"/>
          <p:nvPr/>
        </p:nvSpPr>
        <p:spPr>
          <a:xfrm>
            <a:off x="457200" y="3749040"/>
            <a:ext cx="32004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クラウド翻訳サービス + 動画編集</a:t>
            </a:r>
          </a:p>
        </p:txBody>
      </p:sp>
      <p:sp>
        <p:nvSpPr>
          <p:cNvPr id="24" name="Rectangle 23"/>
          <p:cNvSpPr/>
          <p:nvPr/>
        </p:nvSpPr>
        <p:spPr>
          <a:xfrm>
            <a:off x="3657600" y="3749040"/>
            <a:ext cx="256032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5" name="TextBox 24"/>
          <p:cNvSpPr txBox="1"/>
          <p:nvPr/>
        </p:nvSpPr>
        <p:spPr>
          <a:xfrm>
            <a:off x="3657600" y="3749040"/>
            <a:ext cx="2560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40〜80 万円 / 動画</a:t>
            </a:r>
          </a:p>
        </p:txBody>
      </p:sp>
      <p:sp>
        <p:nvSpPr>
          <p:cNvPr id="26" name="Rectangle 25"/>
          <p:cNvSpPr/>
          <p:nvPr/>
        </p:nvSpPr>
        <p:spPr>
          <a:xfrm>
            <a:off x="6217920" y="3749040"/>
            <a:ext cx="228600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7" name="TextBox 26"/>
          <p:cNvSpPr txBox="1"/>
          <p:nvPr/>
        </p:nvSpPr>
        <p:spPr>
          <a:xfrm>
            <a:off x="6217920" y="3749040"/>
            <a:ext cx="22860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3〜4 週間</a:t>
            </a:r>
          </a:p>
        </p:txBody>
      </p:sp>
      <p:sp>
        <p:nvSpPr>
          <p:cNvPr id="28" name="Rectangle 27"/>
          <p:cNvSpPr/>
          <p:nvPr/>
        </p:nvSpPr>
        <p:spPr>
          <a:xfrm>
            <a:off x="8503920" y="3749040"/>
            <a:ext cx="320040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9" name="TextBox 28"/>
          <p:cNvSpPr txBox="1"/>
          <p:nvPr/>
        </p:nvSpPr>
        <p:spPr>
          <a:xfrm>
            <a:off x="8503920" y="3749040"/>
            <a:ext cx="32004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編集者次第</a:t>
            </a:r>
          </a:p>
        </p:txBody>
      </p:sp>
      <p:sp>
        <p:nvSpPr>
          <p:cNvPr id="30" name="Rectangle 29"/>
          <p:cNvSpPr/>
          <p:nvPr/>
        </p:nvSpPr>
        <p:spPr>
          <a:xfrm>
            <a:off x="457200" y="4343400"/>
            <a:ext cx="3200400" cy="594360"/>
          </a:xfrm>
          <a:prstGeom prst="rect">
            <a:avLst/>
          </a:prstGeom>
          <a:solidFill>
            <a:srgbClr val="FAF8F5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1" name="TextBox 30"/>
          <p:cNvSpPr txBox="1"/>
          <p:nvPr/>
        </p:nvSpPr>
        <p:spPr>
          <a:xfrm>
            <a:off x="457200" y="4343400"/>
            <a:ext cx="32004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8A6F23"/>
                </a:solidFill>
                <a:latin typeface="Yu Gothic UI"/>
              </a:defRPr>
            </a:pPr>
            <a:r>
              <a:t>INMV (同一 PPTX → 9 言語 TTS 自動)</a:t>
            </a:r>
          </a:p>
        </p:txBody>
      </p:sp>
      <p:sp>
        <p:nvSpPr>
          <p:cNvPr id="32" name="Rectangle 31"/>
          <p:cNvSpPr/>
          <p:nvPr/>
        </p:nvSpPr>
        <p:spPr>
          <a:xfrm>
            <a:off x="3657600" y="4343400"/>
            <a:ext cx="2560320" cy="594360"/>
          </a:xfrm>
          <a:prstGeom prst="rect">
            <a:avLst/>
          </a:prstGeom>
          <a:solidFill>
            <a:srgbClr val="FAF8F5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3" name="TextBox 32"/>
          <p:cNvSpPr txBox="1"/>
          <p:nvPr/>
        </p:nvSpPr>
        <p:spPr>
          <a:xfrm>
            <a:off x="3657600" y="4343400"/>
            <a:ext cx="2560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8A6F23"/>
                </a:solidFill>
                <a:latin typeface="Yu Gothic UI"/>
              </a:defRPr>
            </a:pPr>
            <a:r>
              <a:t>0 円（ライセンス内）</a:t>
            </a:r>
          </a:p>
        </p:txBody>
      </p:sp>
      <p:sp>
        <p:nvSpPr>
          <p:cNvPr id="34" name="Rectangle 33"/>
          <p:cNvSpPr/>
          <p:nvPr/>
        </p:nvSpPr>
        <p:spPr>
          <a:xfrm>
            <a:off x="6217920" y="4343400"/>
            <a:ext cx="2286000" cy="594360"/>
          </a:xfrm>
          <a:prstGeom prst="rect">
            <a:avLst/>
          </a:prstGeom>
          <a:solidFill>
            <a:srgbClr val="FAF8F5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5" name="TextBox 34"/>
          <p:cNvSpPr txBox="1"/>
          <p:nvPr/>
        </p:nvSpPr>
        <p:spPr>
          <a:xfrm>
            <a:off x="6217920" y="4343400"/>
            <a:ext cx="22860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8A6F23"/>
                </a:solidFill>
                <a:latin typeface="Yu Gothic UI"/>
              </a:defRPr>
            </a:pPr>
            <a:r>
              <a:t>5 分 / 動画</a:t>
            </a:r>
          </a:p>
        </p:txBody>
      </p:sp>
      <p:sp>
        <p:nvSpPr>
          <p:cNvPr id="36" name="Rectangle 35"/>
          <p:cNvSpPr/>
          <p:nvPr/>
        </p:nvSpPr>
        <p:spPr>
          <a:xfrm>
            <a:off x="8503920" y="4343400"/>
            <a:ext cx="3200400" cy="594360"/>
          </a:xfrm>
          <a:prstGeom prst="rect">
            <a:avLst/>
          </a:prstGeom>
          <a:solidFill>
            <a:srgbClr val="FAF8F5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7" name="TextBox 36"/>
          <p:cNvSpPr txBox="1"/>
          <p:nvPr/>
        </p:nvSpPr>
        <p:spPr>
          <a:xfrm>
            <a:off x="8503920" y="4343400"/>
            <a:ext cx="320040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8A6F23"/>
                </a:solidFill>
                <a:latin typeface="Yu Gothic UI"/>
              </a:defRPr>
            </a:pPr>
            <a:r>
              <a:t>PPTX 修正→再生成</a:t>
            </a:r>
          </a:p>
        </p:txBody>
      </p:sp>
      <p:sp>
        <p:nvSpPr>
          <p:cNvPr id="38" name="TextBox 37"/>
          <p:cNvSpPr txBox="1"/>
          <p:nvPr/>
        </p:nvSpPr>
        <p:spPr>
          <a:xfrm>
            <a:off x="457200" y="5349240"/>
            <a:ext cx="1124712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0">
                <a:solidFill>
                  <a:srgbClr val="57534E"/>
                </a:solidFill>
                <a:latin typeface="Yu Gothic UI"/>
              </a:defRPr>
            </a:pPr>
            <a:r>
              <a:t>育成就労 9 言語プリセット = ベトナム / インドネシア / フィリピン / ネパール / ミャンマー / モンゴル / タイ / 中国 / 英語</a:t>
            </a:r>
          </a:p>
        </p:txBody>
      </p:sp>
      <p:sp>
        <p:nvSpPr>
          <p:cNvPr id="39" name="TextBox 38"/>
          <p:cNvSpPr txBox="1"/>
          <p:nvPr/>
        </p:nvSpPr>
        <p:spPr>
          <a:xfrm>
            <a:off x="457200" y="5852160"/>
            <a:ext cx="1124712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1">
                <a:solidFill>
                  <a:srgbClr val="B8942F"/>
                </a:solidFill>
                <a:latin typeface="Yu Gothic UI"/>
              </a:defRPr>
            </a:pPr>
            <a:r>
              <a:t>→ 母国語で正確に伝わるため、安全教育の理解度・遵守率が上がる（事故・離職リスク低減）</a:t>
            </a:r>
          </a:p>
        </p:txBody>
      </p:sp>
      <p:sp>
        <p:nvSpPr>
          <p:cNvPr id="40" name="Rectangle 39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41" name="TextBox 40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42" name="TextBox 41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6 / 14</a:t>
            </a:r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AUDIT COMPLIANCE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SCORM 1.2 で法定研修の完了証跡を自動化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TextBox 4"/>
          <p:cNvSpPr txBox="1"/>
          <p:nvPr/>
        </p:nvSpPr>
        <p:spPr>
          <a:xfrm>
            <a:off x="457200" y="1828800"/>
            <a:ext cx="1124712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300" b="0">
                <a:solidFill>
                  <a:srgbClr val="57534E"/>
                </a:solidFill>
                <a:latin typeface="Yu Gothic UI"/>
              </a:defRPr>
            </a:pPr>
            <a:r>
              <a:t>SCORM 1.2 = LMS と研修動画をつなぐ業界標準フォーマット。INMV はこれに準拠した ZIP を出力。</a:t>
            </a:r>
          </a:p>
        </p:txBody>
      </p:sp>
      <p:sp>
        <p:nvSpPr>
          <p:cNvPr id="6" name="Rectangle 5"/>
          <p:cNvSpPr/>
          <p:nvPr/>
        </p:nvSpPr>
        <p:spPr>
          <a:xfrm>
            <a:off x="457200" y="2423160"/>
            <a:ext cx="5486400" cy="365760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7" name="TextBox 6"/>
          <p:cNvSpPr txBox="1"/>
          <p:nvPr/>
        </p:nvSpPr>
        <p:spPr>
          <a:xfrm>
            <a:off x="640080" y="2560320"/>
            <a:ext cx="521208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8A6F23"/>
                </a:solidFill>
                <a:latin typeface="Yu Gothic UI"/>
              </a:defRPr>
            </a:pPr>
            <a:r>
              <a:t>INMV が自動記録する 3 値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640080" y="3017520"/>
            <a:ext cx="5120640" cy="2743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1">
                <a:solidFill>
                  <a:srgbClr val="1C1917"/>
                </a:solidFill>
                <a:latin typeface="Yu Gothic UI"/>
              </a:defRPr>
            </a:pPr>
            <a:r>
              <a:t>完了ステータス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640080" y="3291839"/>
            <a:ext cx="5120640" cy="2743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B8942F"/>
                </a:solidFill>
                <a:latin typeface="Yu Gothic UI"/>
              </a:defRPr>
            </a:pPr>
            <a:r>
              <a:t>completed / incomplete</a:t>
            </a:r>
          </a:p>
        </p:txBody>
      </p:sp>
      <p:sp>
        <p:nvSpPr>
          <p:cNvPr id="10" name="TextBox 9"/>
          <p:cNvSpPr txBox="1"/>
          <p:nvPr/>
        </p:nvSpPr>
        <p:spPr>
          <a:xfrm>
            <a:off x="640080" y="3566160"/>
            <a:ext cx="512064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受講者が動画を最後まで見たかどうか — 監査の最重要証跡</a:t>
            </a:r>
          </a:p>
        </p:txBody>
      </p:sp>
      <p:sp>
        <p:nvSpPr>
          <p:cNvPr id="11" name="TextBox 10"/>
          <p:cNvSpPr txBox="1"/>
          <p:nvPr/>
        </p:nvSpPr>
        <p:spPr>
          <a:xfrm>
            <a:off x="640080" y="3977639"/>
            <a:ext cx="5120640" cy="2743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1">
                <a:solidFill>
                  <a:srgbClr val="1C1917"/>
                </a:solidFill>
                <a:latin typeface="Yu Gothic UI"/>
              </a:defRPr>
            </a:pPr>
            <a:r>
              <a:t>視聴時間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640080" y="4251959"/>
            <a:ext cx="5120640" cy="2743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B8942F"/>
                </a:solidFill>
                <a:latin typeface="Yu Gothic UI"/>
              </a:defRPr>
            </a:pPr>
            <a:r>
              <a:t>セッション時間 / 累計時間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640080" y="4526279"/>
            <a:ext cx="512064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実視聴時間 — 早送り・流し見の検知が可能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640080" y="4937759"/>
            <a:ext cx="5120640" cy="2743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1">
                <a:solidFill>
                  <a:srgbClr val="1C1917"/>
                </a:solidFill>
                <a:latin typeface="Yu Gothic UI"/>
              </a:defRPr>
            </a:pPr>
            <a:r>
              <a:t>再生位置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640080" y="5212079"/>
            <a:ext cx="5120640" cy="2743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B8942F"/>
                </a:solidFill>
                <a:latin typeface="Yu Gothic UI"/>
              </a:defRPr>
            </a:pPr>
            <a:r>
              <a:t>ブックマーク（5秒スロットル）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640080" y="5486399"/>
            <a:ext cx="5120640" cy="41148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途中離脱でも続きから再開可能</a:t>
            </a:r>
          </a:p>
        </p:txBody>
      </p:sp>
      <p:sp>
        <p:nvSpPr>
          <p:cNvPr id="17" name="Rectangle 16"/>
          <p:cNvSpPr/>
          <p:nvPr/>
        </p:nvSpPr>
        <p:spPr>
          <a:xfrm>
            <a:off x="6263640" y="2423160"/>
            <a:ext cx="5486400" cy="365760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8" name="TextBox 17"/>
          <p:cNvSpPr txBox="1"/>
          <p:nvPr/>
        </p:nvSpPr>
        <p:spPr>
          <a:xfrm>
            <a:off x="6446520" y="2560320"/>
            <a:ext cx="521208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8A6F23"/>
                </a:solidFill>
                <a:latin typeface="Yu Gothic UI"/>
              </a:defRPr>
            </a:pPr>
            <a:r>
              <a:t>対応 LMS（SCORM 1.2 準拠）</a:t>
            </a:r>
          </a:p>
        </p:txBody>
      </p:sp>
      <p:sp>
        <p:nvSpPr>
          <p:cNvPr id="19" name="TextBox 18"/>
          <p:cNvSpPr txBox="1"/>
          <p:nvPr/>
        </p:nvSpPr>
        <p:spPr>
          <a:xfrm>
            <a:off x="6446520" y="3017520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1">
                <a:solidFill>
                  <a:srgbClr val="1C1917"/>
                </a:solidFill>
                <a:latin typeface="Yu Gothic UI"/>
              </a:defRPr>
            </a:pPr>
            <a:r>
              <a:t>Moodle</a:t>
            </a:r>
          </a:p>
        </p:txBody>
      </p:sp>
      <p:sp>
        <p:nvSpPr>
          <p:cNvPr id="20" name="TextBox 19"/>
          <p:cNvSpPr txBox="1"/>
          <p:nvPr/>
        </p:nvSpPr>
        <p:spPr>
          <a:xfrm>
            <a:off x="6446520" y="3273552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業界リファレンス LMS（INMV 動作確認済）</a:t>
            </a:r>
          </a:p>
        </p:txBody>
      </p:sp>
      <p:sp>
        <p:nvSpPr>
          <p:cNvPr id="21" name="TextBox 20"/>
          <p:cNvSpPr txBox="1"/>
          <p:nvPr/>
        </p:nvSpPr>
        <p:spPr>
          <a:xfrm>
            <a:off x="6446520" y="3520439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1">
                <a:solidFill>
                  <a:srgbClr val="1C1917"/>
                </a:solidFill>
                <a:latin typeface="Yu Gothic UI"/>
              </a:defRPr>
            </a:pPr>
            <a:r>
              <a:t>Cornerstone OnDemand</a:t>
            </a:r>
          </a:p>
        </p:txBody>
      </p:sp>
      <p:sp>
        <p:nvSpPr>
          <p:cNvPr id="22" name="TextBox 21"/>
          <p:cNvSpPr txBox="1"/>
          <p:nvPr/>
        </p:nvSpPr>
        <p:spPr>
          <a:xfrm>
            <a:off x="6446520" y="3776472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海外大手 ENT 向け</a:t>
            </a:r>
          </a:p>
        </p:txBody>
      </p:sp>
      <p:sp>
        <p:nvSpPr>
          <p:cNvPr id="23" name="TextBox 22"/>
          <p:cNvSpPr txBox="1"/>
          <p:nvPr/>
        </p:nvSpPr>
        <p:spPr>
          <a:xfrm>
            <a:off x="6446520" y="4023359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1">
                <a:solidFill>
                  <a:srgbClr val="1C1917"/>
                </a:solidFill>
                <a:latin typeface="Yu Gothic UI"/>
              </a:defRPr>
            </a:pPr>
            <a:r>
              <a:t>SAP SuccessFactors</a:t>
            </a:r>
          </a:p>
        </p:txBody>
      </p:sp>
      <p:sp>
        <p:nvSpPr>
          <p:cNvPr id="24" name="TextBox 23"/>
          <p:cNvSpPr txBox="1"/>
          <p:nvPr/>
        </p:nvSpPr>
        <p:spPr>
          <a:xfrm>
            <a:off x="6446520" y="4279392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海外大手 ENT 向け</a:t>
            </a:r>
          </a:p>
        </p:txBody>
      </p:sp>
      <p:sp>
        <p:nvSpPr>
          <p:cNvPr id="25" name="TextBox 24"/>
          <p:cNvSpPr txBox="1"/>
          <p:nvPr/>
        </p:nvSpPr>
        <p:spPr>
          <a:xfrm>
            <a:off x="6446520" y="4526279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1">
                <a:solidFill>
                  <a:srgbClr val="1C1917"/>
                </a:solidFill>
                <a:latin typeface="Yu Gothic UI"/>
              </a:defRPr>
            </a:pPr>
            <a:r>
              <a:t>TalentLMS / iSpring Learn</a:t>
            </a:r>
          </a:p>
        </p:txBody>
      </p:sp>
      <p:sp>
        <p:nvSpPr>
          <p:cNvPr id="26" name="TextBox 25"/>
          <p:cNvSpPr txBox="1"/>
          <p:nvPr/>
        </p:nvSpPr>
        <p:spPr>
          <a:xfrm>
            <a:off x="6446520" y="4782312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中堅向けクラウド LMS</a:t>
            </a:r>
          </a:p>
        </p:txBody>
      </p:sp>
      <p:sp>
        <p:nvSpPr>
          <p:cNvPr id="27" name="TextBox 26"/>
          <p:cNvSpPr txBox="1"/>
          <p:nvPr/>
        </p:nvSpPr>
        <p:spPr>
          <a:xfrm>
            <a:off x="6446520" y="5029199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1">
                <a:solidFill>
                  <a:srgbClr val="1C1917"/>
                </a:solidFill>
                <a:latin typeface="Yu Gothic UI"/>
              </a:defRPr>
            </a:pPr>
            <a:r>
              <a:t>AirCourse / KIBOW / WisdomBase</a:t>
            </a:r>
          </a:p>
        </p:txBody>
      </p:sp>
      <p:sp>
        <p:nvSpPr>
          <p:cNvPr id="28" name="TextBox 27"/>
          <p:cNvSpPr txBox="1"/>
          <p:nvPr/>
        </p:nvSpPr>
        <p:spPr>
          <a:xfrm>
            <a:off x="6446520" y="5285231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国内クラウド LMS</a:t>
            </a:r>
          </a:p>
        </p:txBody>
      </p:sp>
      <p:sp>
        <p:nvSpPr>
          <p:cNvPr id="29" name="TextBox 28"/>
          <p:cNvSpPr txBox="1"/>
          <p:nvPr/>
        </p:nvSpPr>
        <p:spPr>
          <a:xfrm>
            <a:off x="6446520" y="5532119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100" b="1">
                <a:solidFill>
                  <a:srgbClr val="1C1917"/>
                </a:solidFill>
                <a:latin typeface="Yu Gothic UI"/>
              </a:defRPr>
            </a:pPr>
            <a:r>
              <a:t>SCORM Cloud (Rustici)</a:t>
            </a:r>
          </a:p>
        </p:txBody>
      </p:sp>
      <p:sp>
        <p:nvSpPr>
          <p:cNvPr id="30" name="TextBox 29"/>
          <p:cNvSpPr txBox="1"/>
          <p:nvPr/>
        </p:nvSpPr>
        <p:spPr>
          <a:xfrm>
            <a:off x="6446520" y="5788151"/>
            <a:ext cx="5120640" cy="256032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事前検証通過済</a:t>
            </a:r>
          </a:p>
        </p:txBody>
      </p:sp>
      <p:sp>
        <p:nvSpPr>
          <p:cNvPr id="31" name="TextBox 30"/>
          <p:cNvSpPr txBox="1"/>
          <p:nvPr/>
        </p:nvSpPr>
        <p:spPr>
          <a:xfrm>
            <a:off x="457200" y="6309360"/>
            <a:ext cx="11247120" cy="2743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1">
                <a:solidFill>
                  <a:srgbClr val="B8942F"/>
                </a:solidFill>
                <a:latin typeface="Yu Gothic UI"/>
              </a:defRPr>
            </a:pPr>
            <a:r>
              <a:t>→ 監査・行政検査時、「誰がいつ最後まで視聴したか」を LMS から PDF 出力で即提示可能</a:t>
            </a:r>
          </a:p>
        </p:txBody>
      </p:sp>
      <p:sp>
        <p:nvSpPr>
          <p:cNvPr id="32" name="Rectangle 31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3" name="TextBox 32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34" name="TextBox 33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7 / 14</a:t>
            </a:r>
          </a:p>
        </p:txBody>
      </p:sp>
    </p:spTree>
  </p:cSld>
  <p:clrMapOvr>
    <a:masterClrMapping/>
  </p:clrMapOvr>
</p:sld>
</file>

<file path=ppt/slides/slide8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SECURITY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IT セキュリティ部門の承認が降りやすい設計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Rectangle 4"/>
          <p:cNvSpPr/>
          <p:nvPr/>
        </p:nvSpPr>
        <p:spPr>
          <a:xfrm>
            <a:off x="457200" y="2011680"/>
            <a:ext cx="5577840" cy="182880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" name="TextBox 5"/>
          <p:cNvSpPr txBox="1"/>
          <p:nvPr/>
        </p:nvSpPr>
        <p:spPr>
          <a:xfrm>
            <a:off x="731520" y="2194560"/>
            <a:ext cx="54864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400" b="0">
                <a:solidFill>
                  <a:srgbClr val="1C1917"/>
                </a:solidFill>
                <a:latin typeface="Yu Gothic UI"/>
              </a:defRPr>
            </a:pPr>
            <a:r>
              <a:t>💻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1371600" y="2286000"/>
            <a:ext cx="448055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ローカル処理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731520" y="2834640"/>
            <a:ext cx="5120640" cy="9601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PPT・動画・スクリプト・操作録画はすべて社内 PC で完結。クラウドに送信しない。</a:t>
            </a:r>
          </a:p>
        </p:txBody>
      </p:sp>
      <p:sp>
        <p:nvSpPr>
          <p:cNvPr id="9" name="Rectangle 8"/>
          <p:cNvSpPr/>
          <p:nvPr/>
        </p:nvSpPr>
        <p:spPr>
          <a:xfrm>
            <a:off x="6153912" y="2011680"/>
            <a:ext cx="5577840" cy="182880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0" name="TextBox 9"/>
          <p:cNvSpPr txBox="1"/>
          <p:nvPr/>
        </p:nvSpPr>
        <p:spPr>
          <a:xfrm>
            <a:off x="6428231" y="2194560"/>
            <a:ext cx="54864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400" b="0">
                <a:solidFill>
                  <a:srgbClr val="1C1917"/>
                </a:solidFill>
                <a:latin typeface="Yu Gothic UI"/>
              </a:defRPr>
            </a:pPr>
            <a:r>
              <a:t>🔑</a:t>
            </a:r>
          </a:p>
        </p:txBody>
      </p:sp>
      <p:sp>
        <p:nvSpPr>
          <p:cNvPr id="11" name="TextBox 10"/>
          <p:cNvSpPr txBox="1"/>
          <p:nvPr/>
        </p:nvSpPr>
        <p:spPr>
          <a:xfrm>
            <a:off x="7068312" y="2286000"/>
            <a:ext cx="448055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BYOK（AI 機能のみ）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6428231" y="2834640"/>
            <a:ext cx="5120640" cy="9601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AI ナレーション補助等を使う場合のみ、自社契約の Anthropic API キーで通信。通信先は Anthropic 社のみで、当社のサーバーは経由しない。</a:t>
            </a:r>
          </a:p>
        </p:txBody>
      </p:sp>
      <p:sp>
        <p:nvSpPr>
          <p:cNvPr id="13" name="Rectangle 12"/>
          <p:cNvSpPr/>
          <p:nvPr/>
        </p:nvSpPr>
        <p:spPr>
          <a:xfrm>
            <a:off x="457200" y="4023360"/>
            <a:ext cx="5577840" cy="182880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4" name="TextBox 13"/>
          <p:cNvSpPr txBox="1"/>
          <p:nvPr/>
        </p:nvSpPr>
        <p:spPr>
          <a:xfrm>
            <a:off x="731520" y="4206240"/>
            <a:ext cx="54864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400" b="0">
                <a:solidFill>
                  <a:srgbClr val="1C1917"/>
                </a:solidFill>
                <a:latin typeface="Yu Gothic UI"/>
              </a:defRPr>
            </a:pPr>
            <a:r>
              <a:t>🎙️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371600" y="4297680"/>
            <a:ext cx="448055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オフライン TTS 選択可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731520" y="4846320"/>
            <a:ext cx="5120640" cy="9601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VOICEVOX（日本語）・Windows OneCore（複数言語）はローカル実行。機密性の高い研修動画は完全オフラインで制作可能。</a:t>
            </a:r>
          </a:p>
        </p:txBody>
      </p:sp>
      <p:sp>
        <p:nvSpPr>
          <p:cNvPr id="17" name="Rectangle 16"/>
          <p:cNvSpPr/>
          <p:nvPr/>
        </p:nvSpPr>
        <p:spPr>
          <a:xfrm>
            <a:off x="6153912" y="4023360"/>
            <a:ext cx="5577840" cy="182880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8" name="TextBox 17"/>
          <p:cNvSpPr txBox="1"/>
          <p:nvPr/>
        </p:nvSpPr>
        <p:spPr>
          <a:xfrm>
            <a:off x="6428231" y="4206240"/>
            <a:ext cx="548640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2400" b="0">
                <a:solidFill>
                  <a:srgbClr val="1C1917"/>
                </a:solidFill>
                <a:latin typeface="Yu Gothic UI"/>
              </a:defRPr>
            </a:pPr>
            <a:r>
              <a:t>📦</a:t>
            </a:r>
          </a:p>
        </p:txBody>
      </p:sp>
      <p:sp>
        <p:nvSpPr>
          <p:cNvPr id="19" name="TextBox 18"/>
          <p:cNvSpPr txBox="1"/>
          <p:nvPr/>
        </p:nvSpPr>
        <p:spPr>
          <a:xfrm>
            <a:off x="7068312" y="4297680"/>
            <a:ext cx="4480559" cy="4572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400" b="1">
                <a:solidFill>
                  <a:srgbClr val="1C1917"/>
                </a:solidFill>
                <a:latin typeface="Yu Gothic UI"/>
              </a:defRPr>
            </a:pPr>
            <a:r>
              <a:t>オンプレ Dedicated 対応</a:t>
            </a:r>
          </a:p>
        </p:txBody>
      </p:sp>
      <p:sp>
        <p:nvSpPr>
          <p:cNvPr id="20" name="TextBox 19"/>
          <p:cNvSpPr txBox="1"/>
          <p:nvPr/>
        </p:nvSpPr>
        <p:spPr>
          <a:xfrm>
            <a:off x="6428231" y="4846320"/>
            <a:ext cx="5120640" cy="9601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0">
                <a:solidFill>
                  <a:srgbClr val="57534E"/>
                </a:solidFill>
                <a:latin typeface="Yu Gothic UI"/>
              </a:defRPr>
            </a:pPr>
            <a:r>
              <a:t>ENT プランでは Video API サーバーを自社内に設置可能。クラウドへの一切のデータ送信を遮断できる。</a:t>
            </a:r>
          </a:p>
        </p:txBody>
      </p:sp>
      <p:sp>
        <p:nvSpPr>
          <p:cNvPr id="21" name="TextBox 20"/>
          <p:cNvSpPr txBox="1"/>
          <p:nvPr/>
        </p:nvSpPr>
        <p:spPr>
          <a:xfrm>
            <a:off x="457200" y="6172200"/>
            <a:ext cx="112471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1">
                <a:solidFill>
                  <a:srgbClr val="B8942F"/>
                </a:solidFill>
                <a:latin typeface="Yu Gothic UI"/>
              </a:defRPr>
            </a:pPr>
            <a:r>
              <a:t>→ IT 部門の承認プロセスで「データ送信先」「保管場所」「鍵管理」のいずれもクリア</a:t>
            </a:r>
          </a:p>
        </p:txBody>
      </p:sp>
      <p:sp>
        <p:nvSpPr>
          <p:cNvPr id="22" name="Rectangle 21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3" name="TextBox 22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24" name="TextBox 23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8 / 14</a:t>
            </a:r>
          </a:p>
        </p:txBody>
      </p:sp>
    </p:spTree>
  </p:cSld>
  <p:clrMapOvr>
    <a:masterClrMapping/>
  </p:clrMapOvr>
</p:sld>
</file>

<file path=ppt/slides/slide9.xml><?xml version="1.0" encoding="utf-8"?>
<p:sld xmlns:a="http://schemas.openxmlformats.org/drawingml/2006/main" xmlns:p="http://schemas.openxmlformats.org/presentationml/2006/main" xmlns:r="http://schemas.openxmlformats.org/officeDocument/2006/relationships">
  <p:cSld>
    <p:bg>
      <p:bgPr>
        <a:solidFill>
          <a:srgbClr val="FAF8F5"/>
        </a:solidFill>
        <a:effectLst/>
      </p:bgPr>
    </p:bg>
    <p:spTree>
      <p:nvGrpSpPr>
        <p:cNvPr id="1" name=""/>
        <p:cNvGrpSpPr/>
        <p:nvPr/>
      </p:nvGrpSpPr>
      <p:grpSpPr/>
      <p:sp>
        <p:nvSpPr>
          <p:cNvPr id="2" name="TextBox 1"/>
          <p:cNvSpPr txBox="1"/>
          <p:nvPr/>
        </p:nvSpPr>
        <p:spPr>
          <a:xfrm>
            <a:off x="457200" y="411480"/>
            <a:ext cx="11247120" cy="32004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000" b="1">
                <a:solidFill>
                  <a:srgbClr val="B8942F"/>
                </a:solidFill>
                <a:latin typeface="Yu Gothic UI"/>
              </a:defRPr>
            </a:pPr>
            <a:r>
              <a:t>COMPETITIVE LANDSCAPE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457200" y="777240"/>
            <a:ext cx="11247120" cy="73152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3200" b="1">
                <a:solidFill>
                  <a:srgbClr val="1C1917"/>
                </a:solidFill>
                <a:latin typeface="Yu Gothic UI"/>
              </a:defRPr>
            </a:pPr>
            <a:r>
              <a:t>INMV vs 既存ソリューション — 5 軸すべて満たすのは INMV のみ</a:t>
            </a:r>
          </a:p>
        </p:txBody>
      </p:sp>
      <p:sp>
        <p:nvSpPr>
          <p:cNvPr id="4" name="Rectangle 3"/>
          <p:cNvSpPr/>
          <p:nvPr/>
        </p:nvSpPr>
        <p:spPr>
          <a:xfrm>
            <a:off x="457200" y="1554480"/>
            <a:ext cx="548640" cy="36576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" name="Rectangle 4"/>
          <p:cNvSpPr/>
          <p:nvPr/>
        </p:nvSpPr>
        <p:spPr>
          <a:xfrm>
            <a:off x="457200" y="2103120"/>
            <a:ext cx="2743200" cy="457200"/>
          </a:xfrm>
          <a:prstGeom prst="rect">
            <a:avLst/>
          </a:prstGeom>
          <a:solidFill>
            <a:srgbClr val="FAF8F5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" name="TextBox 5"/>
          <p:cNvSpPr txBox="1"/>
          <p:nvPr/>
        </p:nvSpPr>
        <p:spPr>
          <a:xfrm>
            <a:off x="457200" y="2103120"/>
            <a:ext cx="2743200" cy="45720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1C1917"/>
                </a:solidFill>
                <a:latin typeface="Yu Gothic UI"/>
              </a:defRPr>
            </a:pPr>
          </a:p>
        </p:txBody>
      </p:sp>
      <p:sp>
        <p:nvSpPr>
          <p:cNvPr id="7" name="Rectangle 6"/>
          <p:cNvSpPr/>
          <p:nvPr/>
        </p:nvSpPr>
        <p:spPr>
          <a:xfrm>
            <a:off x="3200400" y="2103120"/>
            <a:ext cx="1691640" cy="45720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8" name="TextBox 7"/>
          <p:cNvSpPr txBox="1"/>
          <p:nvPr/>
        </p:nvSpPr>
        <p:spPr>
          <a:xfrm>
            <a:off x="3200400" y="2103120"/>
            <a:ext cx="1691640" cy="45720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FFFFFF"/>
                </a:solidFill>
                <a:latin typeface="Yu Gothic UI"/>
              </a:defRPr>
            </a:pPr>
            <a:r>
              <a:t>動画生成</a:t>
            </a:r>
          </a:p>
        </p:txBody>
      </p:sp>
      <p:sp>
        <p:nvSpPr>
          <p:cNvPr id="9" name="Rectangle 8"/>
          <p:cNvSpPr/>
          <p:nvPr/>
        </p:nvSpPr>
        <p:spPr>
          <a:xfrm>
            <a:off x="4892040" y="2103120"/>
            <a:ext cx="1874519" cy="45720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0" name="TextBox 9"/>
          <p:cNvSpPr txBox="1"/>
          <p:nvPr/>
        </p:nvSpPr>
        <p:spPr>
          <a:xfrm>
            <a:off x="4892040" y="2103120"/>
            <a:ext cx="1874519" cy="45720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FFFFFF"/>
                </a:solidFill>
                <a:latin typeface="Yu Gothic UI"/>
              </a:defRPr>
            </a:pPr>
            <a:r>
              <a:t>操作マニュアル</a:t>
            </a:r>
          </a:p>
        </p:txBody>
      </p:sp>
      <p:sp>
        <p:nvSpPr>
          <p:cNvPr id="11" name="Rectangle 10"/>
          <p:cNvSpPr/>
          <p:nvPr/>
        </p:nvSpPr>
        <p:spPr>
          <a:xfrm>
            <a:off x="6766559" y="2103120"/>
            <a:ext cx="1417320" cy="45720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2" name="TextBox 11"/>
          <p:cNvSpPr txBox="1"/>
          <p:nvPr/>
        </p:nvSpPr>
        <p:spPr>
          <a:xfrm>
            <a:off x="6766559" y="2103120"/>
            <a:ext cx="1417320" cy="45720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FFFFFF"/>
                </a:solidFill>
                <a:latin typeface="Yu Gothic UI"/>
              </a:defRPr>
            </a:pPr>
            <a:r>
              <a:t>多言語</a:t>
            </a:r>
          </a:p>
        </p:txBody>
      </p:sp>
      <p:sp>
        <p:nvSpPr>
          <p:cNvPr id="13" name="Rectangle 12"/>
          <p:cNvSpPr/>
          <p:nvPr/>
        </p:nvSpPr>
        <p:spPr>
          <a:xfrm>
            <a:off x="8183879" y="2103120"/>
            <a:ext cx="1691640" cy="45720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4" name="TextBox 13"/>
          <p:cNvSpPr txBox="1"/>
          <p:nvPr/>
        </p:nvSpPr>
        <p:spPr>
          <a:xfrm>
            <a:off x="8183879" y="2103120"/>
            <a:ext cx="1691640" cy="45720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FFFFFF"/>
                </a:solidFill>
                <a:latin typeface="Yu Gothic UI"/>
              </a:defRPr>
            </a:pPr>
            <a:r>
              <a:t>SCORM 出力</a:t>
            </a:r>
          </a:p>
        </p:txBody>
      </p:sp>
      <p:sp>
        <p:nvSpPr>
          <p:cNvPr id="15" name="Rectangle 14"/>
          <p:cNvSpPr/>
          <p:nvPr/>
        </p:nvSpPr>
        <p:spPr>
          <a:xfrm>
            <a:off x="9875519" y="2103120"/>
            <a:ext cx="1874519" cy="457200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6" name="TextBox 15"/>
          <p:cNvSpPr txBox="1"/>
          <p:nvPr/>
        </p:nvSpPr>
        <p:spPr>
          <a:xfrm>
            <a:off x="9875519" y="2103120"/>
            <a:ext cx="1874519" cy="45720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100" b="1">
                <a:solidFill>
                  <a:srgbClr val="FFFFFF"/>
                </a:solidFill>
                <a:latin typeface="Yu Gothic UI"/>
              </a:defRPr>
            </a:pPr>
            <a:r>
              <a:t>ローカル処理</a:t>
            </a:r>
          </a:p>
        </p:txBody>
      </p:sp>
      <p:sp>
        <p:nvSpPr>
          <p:cNvPr id="17" name="Rectangle 16"/>
          <p:cNvSpPr/>
          <p:nvPr/>
        </p:nvSpPr>
        <p:spPr>
          <a:xfrm>
            <a:off x="457200" y="2560320"/>
            <a:ext cx="274320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18" name="TextBox 17"/>
          <p:cNvSpPr txBox="1"/>
          <p:nvPr/>
        </p:nvSpPr>
        <p:spPr>
          <a:xfrm>
            <a:off x="640080" y="2560320"/>
            <a:ext cx="2560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Synthesia (cloud)</a:t>
            </a:r>
          </a:p>
        </p:txBody>
      </p:sp>
      <p:sp>
        <p:nvSpPr>
          <p:cNvPr id="19" name="Rectangle 18"/>
          <p:cNvSpPr/>
          <p:nvPr/>
        </p:nvSpPr>
        <p:spPr>
          <a:xfrm>
            <a:off x="3200400" y="2560320"/>
            <a:ext cx="169164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0" name="TextBox 19"/>
          <p:cNvSpPr txBox="1"/>
          <p:nvPr/>
        </p:nvSpPr>
        <p:spPr>
          <a:xfrm>
            <a:off x="3200400" y="2560320"/>
            <a:ext cx="169164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21" name="Rectangle 20"/>
          <p:cNvSpPr/>
          <p:nvPr/>
        </p:nvSpPr>
        <p:spPr>
          <a:xfrm>
            <a:off x="4892040" y="2560320"/>
            <a:ext cx="1874519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2" name="TextBox 21"/>
          <p:cNvSpPr txBox="1"/>
          <p:nvPr/>
        </p:nvSpPr>
        <p:spPr>
          <a:xfrm>
            <a:off x="4892040" y="2560320"/>
            <a:ext cx="1874519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0">
                <a:solidFill>
                  <a:srgbClr val="DC2626"/>
                </a:solidFill>
                <a:latin typeface="Yu Gothic UI"/>
              </a:defRPr>
            </a:pPr>
            <a:r>
              <a:t>✕</a:t>
            </a:r>
          </a:p>
        </p:txBody>
      </p:sp>
      <p:sp>
        <p:nvSpPr>
          <p:cNvPr id="23" name="Rectangle 22"/>
          <p:cNvSpPr/>
          <p:nvPr/>
        </p:nvSpPr>
        <p:spPr>
          <a:xfrm>
            <a:off x="6766559" y="2560320"/>
            <a:ext cx="141732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4" name="TextBox 23"/>
          <p:cNvSpPr txBox="1"/>
          <p:nvPr/>
        </p:nvSpPr>
        <p:spPr>
          <a:xfrm>
            <a:off x="6766559" y="2560320"/>
            <a:ext cx="1417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25" name="Rectangle 24"/>
          <p:cNvSpPr/>
          <p:nvPr/>
        </p:nvSpPr>
        <p:spPr>
          <a:xfrm>
            <a:off x="8183879" y="2560320"/>
            <a:ext cx="169164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6" name="TextBox 25"/>
          <p:cNvSpPr txBox="1"/>
          <p:nvPr/>
        </p:nvSpPr>
        <p:spPr>
          <a:xfrm>
            <a:off x="8183879" y="2560320"/>
            <a:ext cx="169164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27" name="Rectangle 26"/>
          <p:cNvSpPr/>
          <p:nvPr/>
        </p:nvSpPr>
        <p:spPr>
          <a:xfrm>
            <a:off x="9875519" y="2560320"/>
            <a:ext cx="1874519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28" name="TextBox 27"/>
          <p:cNvSpPr txBox="1"/>
          <p:nvPr/>
        </p:nvSpPr>
        <p:spPr>
          <a:xfrm>
            <a:off x="9875519" y="2560320"/>
            <a:ext cx="1874519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0">
                <a:solidFill>
                  <a:srgbClr val="DC2626"/>
                </a:solidFill>
                <a:latin typeface="Yu Gothic UI"/>
              </a:defRPr>
            </a:pPr>
            <a:r>
              <a:t>✕</a:t>
            </a:r>
          </a:p>
        </p:txBody>
      </p:sp>
      <p:sp>
        <p:nvSpPr>
          <p:cNvPr id="29" name="Rectangle 28"/>
          <p:cNvSpPr/>
          <p:nvPr/>
        </p:nvSpPr>
        <p:spPr>
          <a:xfrm>
            <a:off x="457200" y="3154679"/>
            <a:ext cx="274320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0" name="TextBox 29"/>
          <p:cNvSpPr txBox="1"/>
          <p:nvPr/>
        </p:nvSpPr>
        <p:spPr>
          <a:xfrm>
            <a:off x="640080" y="3154679"/>
            <a:ext cx="2560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Articulate Rise (cloud)</a:t>
            </a:r>
          </a:p>
        </p:txBody>
      </p:sp>
      <p:sp>
        <p:nvSpPr>
          <p:cNvPr id="31" name="Rectangle 30"/>
          <p:cNvSpPr/>
          <p:nvPr/>
        </p:nvSpPr>
        <p:spPr>
          <a:xfrm>
            <a:off x="3200400" y="3154679"/>
            <a:ext cx="169164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2" name="TextBox 31"/>
          <p:cNvSpPr txBox="1"/>
          <p:nvPr/>
        </p:nvSpPr>
        <p:spPr>
          <a:xfrm>
            <a:off x="3200400" y="3154679"/>
            <a:ext cx="169164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33" name="Rectangle 32"/>
          <p:cNvSpPr/>
          <p:nvPr/>
        </p:nvSpPr>
        <p:spPr>
          <a:xfrm>
            <a:off x="4892040" y="3154679"/>
            <a:ext cx="1874519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4" name="TextBox 33"/>
          <p:cNvSpPr txBox="1"/>
          <p:nvPr/>
        </p:nvSpPr>
        <p:spPr>
          <a:xfrm>
            <a:off x="4892040" y="3154679"/>
            <a:ext cx="1874519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CA8A04"/>
                </a:solidFill>
                <a:latin typeface="Yu Gothic UI"/>
              </a:defRPr>
            </a:pPr>
            <a:r>
              <a:t>△</a:t>
            </a:r>
          </a:p>
        </p:txBody>
      </p:sp>
      <p:sp>
        <p:nvSpPr>
          <p:cNvPr id="35" name="Rectangle 34"/>
          <p:cNvSpPr/>
          <p:nvPr/>
        </p:nvSpPr>
        <p:spPr>
          <a:xfrm>
            <a:off x="6766559" y="3154679"/>
            <a:ext cx="141732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6" name="TextBox 35"/>
          <p:cNvSpPr txBox="1"/>
          <p:nvPr/>
        </p:nvSpPr>
        <p:spPr>
          <a:xfrm>
            <a:off x="6766559" y="3154679"/>
            <a:ext cx="1417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37" name="Rectangle 36"/>
          <p:cNvSpPr/>
          <p:nvPr/>
        </p:nvSpPr>
        <p:spPr>
          <a:xfrm>
            <a:off x="8183879" y="3154679"/>
            <a:ext cx="169164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38" name="TextBox 37"/>
          <p:cNvSpPr txBox="1"/>
          <p:nvPr/>
        </p:nvSpPr>
        <p:spPr>
          <a:xfrm>
            <a:off x="8183879" y="3154679"/>
            <a:ext cx="169164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39" name="Rectangle 38"/>
          <p:cNvSpPr/>
          <p:nvPr/>
        </p:nvSpPr>
        <p:spPr>
          <a:xfrm>
            <a:off x="9875519" y="3154679"/>
            <a:ext cx="1874519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40" name="TextBox 39"/>
          <p:cNvSpPr txBox="1"/>
          <p:nvPr/>
        </p:nvSpPr>
        <p:spPr>
          <a:xfrm>
            <a:off x="9875519" y="3154679"/>
            <a:ext cx="1874519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0">
                <a:solidFill>
                  <a:srgbClr val="DC2626"/>
                </a:solidFill>
                <a:latin typeface="Yu Gothic UI"/>
              </a:defRPr>
            </a:pPr>
            <a:r>
              <a:t>✕</a:t>
            </a:r>
          </a:p>
        </p:txBody>
      </p:sp>
      <p:sp>
        <p:nvSpPr>
          <p:cNvPr id="41" name="Rectangle 40"/>
          <p:cNvSpPr/>
          <p:nvPr/>
        </p:nvSpPr>
        <p:spPr>
          <a:xfrm>
            <a:off x="457200" y="3749039"/>
            <a:ext cx="274320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42" name="TextBox 41"/>
          <p:cNvSpPr txBox="1"/>
          <p:nvPr/>
        </p:nvSpPr>
        <p:spPr>
          <a:xfrm>
            <a:off x="640080" y="3749039"/>
            <a:ext cx="2560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Scribe / Tango</a:t>
            </a:r>
          </a:p>
        </p:txBody>
      </p:sp>
      <p:sp>
        <p:nvSpPr>
          <p:cNvPr id="43" name="Rectangle 42"/>
          <p:cNvSpPr/>
          <p:nvPr/>
        </p:nvSpPr>
        <p:spPr>
          <a:xfrm>
            <a:off x="3200400" y="3749039"/>
            <a:ext cx="169164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44" name="TextBox 43"/>
          <p:cNvSpPr txBox="1"/>
          <p:nvPr/>
        </p:nvSpPr>
        <p:spPr>
          <a:xfrm>
            <a:off x="3200400" y="3749039"/>
            <a:ext cx="169164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0">
                <a:solidFill>
                  <a:srgbClr val="DC2626"/>
                </a:solidFill>
                <a:latin typeface="Yu Gothic UI"/>
              </a:defRPr>
            </a:pPr>
            <a:r>
              <a:t>✕</a:t>
            </a:r>
          </a:p>
        </p:txBody>
      </p:sp>
      <p:sp>
        <p:nvSpPr>
          <p:cNvPr id="45" name="Rectangle 44"/>
          <p:cNvSpPr/>
          <p:nvPr/>
        </p:nvSpPr>
        <p:spPr>
          <a:xfrm>
            <a:off x="4892040" y="3749039"/>
            <a:ext cx="1874519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46" name="TextBox 45"/>
          <p:cNvSpPr txBox="1"/>
          <p:nvPr/>
        </p:nvSpPr>
        <p:spPr>
          <a:xfrm>
            <a:off x="4892040" y="3749039"/>
            <a:ext cx="1874519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47" name="Rectangle 46"/>
          <p:cNvSpPr/>
          <p:nvPr/>
        </p:nvSpPr>
        <p:spPr>
          <a:xfrm>
            <a:off x="6766559" y="3749039"/>
            <a:ext cx="141732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48" name="TextBox 47"/>
          <p:cNvSpPr txBox="1"/>
          <p:nvPr/>
        </p:nvSpPr>
        <p:spPr>
          <a:xfrm>
            <a:off x="6766559" y="3749039"/>
            <a:ext cx="1417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CA8A04"/>
                </a:solidFill>
                <a:latin typeface="Yu Gothic UI"/>
              </a:defRPr>
            </a:pPr>
            <a:r>
              <a:t>△</a:t>
            </a:r>
          </a:p>
        </p:txBody>
      </p:sp>
      <p:sp>
        <p:nvSpPr>
          <p:cNvPr id="49" name="Rectangle 48"/>
          <p:cNvSpPr/>
          <p:nvPr/>
        </p:nvSpPr>
        <p:spPr>
          <a:xfrm>
            <a:off x="8183879" y="3749039"/>
            <a:ext cx="169164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0" name="TextBox 49"/>
          <p:cNvSpPr txBox="1"/>
          <p:nvPr/>
        </p:nvSpPr>
        <p:spPr>
          <a:xfrm>
            <a:off x="8183879" y="3749039"/>
            <a:ext cx="169164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0">
                <a:solidFill>
                  <a:srgbClr val="DC2626"/>
                </a:solidFill>
                <a:latin typeface="Yu Gothic UI"/>
              </a:defRPr>
            </a:pPr>
            <a:r>
              <a:t>✕</a:t>
            </a:r>
          </a:p>
        </p:txBody>
      </p:sp>
      <p:sp>
        <p:nvSpPr>
          <p:cNvPr id="51" name="Rectangle 50"/>
          <p:cNvSpPr/>
          <p:nvPr/>
        </p:nvSpPr>
        <p:spPr>
          <a:xfrm>
            <a:off x="9875519" y="3749039"/>
            <a:ext cx="1874519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2" name="TextBox 51"/>
          <p:cNvSpPr txBox="1"/>
          <p:nvPr/>
        </p:nvSpPr>
        <p:spPr>
          <a:xfrm>
            <a:off x="9875519" y="3749039"/>
            <a:ext cx="1874519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0">
                <a:solidFill>
                  <a:srgbClr val="DC2626"/>
                </a:solidFill>
                <a:latin typeface="Yu Gothic UI"/>
              </a:defRPr>
            </a:pPr>
            <a:r>
              <a:t>✕</a:t>
            </a:r>
          </a:p>
        </p:txBody>
      </p:sp>
      <p:sp>
        <p:nvSpPr>
          <p:cNvPr id="53" name="Rectangle 52"/>
          <p:cNvSpPr/>
          <p:nvPr/>
        </p:nvSpPr>
        <p:spPr>
          <a:xfrm>
            <a:off x="457200" y="4343400"/>
            <a:ext cx="274320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4" name="TextBox 53"/>
          <p:cNvSpPr txBox="1"/>
          <p:nvPr/>
        </p:nvSpPr>
        <p:spPr>
          <a:xfrm>
            <a:off x="640080" y="4343400"/>
            <a:ext cx="2560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100" b="0">
                <a:solidFill>
                  <a:srgbClr val="1C1917"/>
                </a:solidFill>
                <a:latin typeface="Yu Gothic UI"/>
              </a:defRPr>
            </a:pPr>
            <a:r>
              <a:t>Camtasia (desktop)</a:t>
            </a:r>
          </a:p>
        </p:txBody>
      </p:sp>
      <p:sp>
        <p:nvSpPr>
          <p:cNvPr id="55" name="Rectangle 54"/>
          <p:cNvSpPr/>
          <p:nvPr/>
        </p:nvSpPr>
        <p:spPr>
          <a:xfrm>
            <a:off x="3200400" y="4343400"/>
            <a:ext cx="169164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6" name="TextBox 55"/>
          <p:cNvSpPr txBox="1"/>
          <p:nvPr/>
        </p:nvSpPr>
        <p:spPr>
          <a:xfrm>
            <a:off x="3200400" y="4343400"/>
            <a:ext cx="169164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57" name="Rectangle 56"/>
          <p:cNvSpPr/>
          <p:nvPr/>
        </p:nvSpPr>
        <p:spPr>
          <a:xfrm>
            <a:off x="4892040" y="4343400"/>
            <a:ext cx="1874519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58" name="TextBox 57"/>
          <p:cNvSpPr txBox="1"/>
          <p:nvPr/>
        </p:nvSpPr>
        <p:spPr>
          <a:xfrm>
            <a:off x="4892040" y="4343400"/>
            <a:ext cx="1874519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0">
                <a:solidFill>
                  <a:srgbClr val="DC2626"/>
                </a:solidFill>
                <a:latin typeface="Yu Gothic UI"/>
              </a:defRPr>
            </a:pPr>
            <a:r>
              <a:t>✕</a:t>
            </a:r>
          </a:p>
        </p:txBody>
      </p:sp>
      <p:sp>
        <p:nvSpPr>
          <p:cNvPr id="59" name="Rectangle 58"/>
          <p:cNvSpPr/>
          <p:nvPr/>
        </p:nvSpPr>
        <p:spPr>
          <a:xfrm>
            <a:off x="6766559" y="4343400"/>
            <a:ext cx="141732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0" name="TextBox 59"/>
          <p:cNvSpPr txBox="1"/>
          <p:nvPr/>
        </p:nvSpPr>
        <p:spPr>
          <a:xfrm>
            <a:off x="6766559" y="4343400"/>
            <a:ext cx="1417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0">
                <a:solidFill>
                  <a:srgbClr val="DC2626"/>
                </a:solidFill>
                <a:latin typeface="Yu Gothic UI"/>
              </a:defRPr>
            </a:pPr>
            <a:r>
              <a:t>✕</a:t>
            </a:r>
          </a:p>
        </p:txBody>
      </p:sp>
      <p:sp>
        <p:nvSpPr>
          <p:cNvPr id="61" name="Rectangle 60"/>
          <p:cNvSpPr/>
          <p:nvPr/>
        </p:nvSpPr>
        <p:spPr>
          <a:xfrm>
            <a:off x="8183879" y="4343400"/>
            <a:ext cx="1691640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2" name="TextBox 61"/>
          <p:cNvSpPr txBox="1"/>
          <p:nvPr/>
        </p:nvSpPr>
        <p:spPr>
          <a:xfrm>
            <a:off x="8183879" y="4343400"/>
            <a:ext cx="169164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0">
                <a:solidFill>
                  <a:srgbClr val="DC2626"/>
                </a:solidFill>
                <a:latin typeface="Yu Gothic UI"/>
              </a:defRPr>
            </a:pPr>
            <a:r>
              <a:t>✕</a:t>
            </a:r>
          </a:p>
        </p:txBody>
      </p:sp>
      <p:sp>
        <p:nvSpPr>
          <p:cNvPr id="63" name="Rectangle 62"/>
          <p:cNvSpPr/>
          <p:nvPr/>
        </p:nvSpPr>
        <p:spPr>
          <a:xfrm>
            <a:off x="9875519" y="4343400"/>
            <a:ext cx="1874519" cy="594360"/>
          </a:xfrm>
          <a:prstGeom prst="rect">
            <a:avLst/>
          </a:prstGeom>
          <a:solidFill>
            <a:srgbClr val="FFFFFF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4" name="TextBox 63"/>
          <p:cNvSpPr txBox="1"/>
          <p:nvPr/>
        </p:nvSpPr>
        <p:spPr>
          <a:xfrm>
            <a:off x="9875519" y="4343400"/>
            <a:ext cx="1874519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65" name="Rectangle 64"/>
          <p:cNvSpPr/>
          <p:nvPr/>
        </p:nvSpPr>
        <p:spPr>
          <a:xfrm>
            <a:off x="457200" y="4937760"/>
            <a:ext cx="2743200" cy="594360"/>
          </a:xfrm>
          <a:prstGeom prst="rect">
            <a:avLst/>
          </a:prstGeom>
          <a:solidFill>
            <a:srgbClr val="FAF8F5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6" name="TextBox 65"/>
          <p:cNvSpPr txBox="1"/>
          <p:nvPr/>
        </p:nvSpPr>
        <p:spPr>
          <a:xfrm>
            <a:off x="640080" y="4937760"/>
            <a:ext cx="2560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l">
              <a:defRPr sz="1100" b="1">
                <a:solidFill>
                  <a:srgbClr val="8A6F23"/>
                </a:solidFill>
                <a:latin typeface="Yu Gothic UI"/>
              </a:defRPr>
            </a:pPr>
            <a:r>
              <a:t>INMV</a:t>
            </a:r>
          </a:p>
        </p:txBody>
      </p:sp>
      <p:sp>
        <p:nvSpPr>
          <p:cNvPr id="67" name="Rectangle 66"/>
          <p:cNvSpPr/>
          <p:nvPr/>
        </p:nvSpPr>
        <p:spPr>
          <a:xfrm>
            <a:off x="3200400" y="4937760"/>
            <a:ext cx="1691640" cy="594360"/>
          </a:xfrm>
          <a:prstGeom prst="rect">
            <a:avLst/>
          </a:prstGeom>
          <a:solidFill>
            <a:srgbClr val="FAF8F5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68" name="TextBox 67"/>
          <p:cNvSpPr txBox="1"/>
          <p:nvPr/>
        </p:nvSpPr>
        <p:spPr>
          <a:xfrm>
            <a:off x="3200400" y="4937760"/>
            <a:ext cx="169164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69" name="Rectangle 68"/>
          <p:cNvSpPr/>
          <p:nvPr/>
        </p:nvSpPr>
        <p:spPr>
          <a:xfrm>
            <a:off x="4892040" y="4937760"/>
            <a:ext cx="1874519" cy="594360"/>
          </a:xfrm>
          <a:prstGeom prst="rect">
            <a:avLst/>
          </a:prstGeom>
          <a:solidFill>
            <a:srgbClr val="FAF8F5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70" name="TextBox 69"/>
          <p:cNvSpPr txBox="1"/>
          <p:nvPr/>
        </p:nvSpPr>
        <p:spPr>
          <a:xfrm>
            <a:off x="4892040" y="4937760"/>
            <a:ext cx="1874519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71" name="Rectangle 70"/>
          <p:cNvSpPr/>
          <p:nvPr/>
        </p:nvSpPr>
        <p:spPr>
          <a:xfrm>
            <a:off x="6766559" y="4937760"/>
            <a:ext cx="1417320" cy="594360"/>
          </a:xfrm>
          <a:prstGeom prst="rect">
            <a:avLst/>
          </a:prstGeom>
          <a:solidFill>
            <a:srgbClr val="FAF8F5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72" name="TextBox 71"/>
          <p:cNvSpPr txBox="1"/>
          <p:nvPr/>
        </p:nvSpPr>
        <p:spPr>
          <a:xfrm>
            <a:off x="6766559" y="4937760"/>
            <a:ext cx="141732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73" name="Rectangle 72"/>
          <p:cNvSpPr/>
          <p:nvPr/>
        </p:nvSpPr>
        <p:spPr>
          <a:xfrm>
            <a:off x="8183879" y="4937760"/>
            <a:ext cx="1691640" cy="594360"/>
          </a:xfrm>
          <a:prstGeom prst="rect">
            <a:avLst/>
          </a:prstGeom>
          <a:solidFill>
            <a:srgbClr val="FAF8F5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74" name="TextBox 73"/>
          <p:cNvSpPr txBox="1"/>
          <p:nvPr/>
        </p:nvSpPr>
        <p:spPr>
          <a:xfrm>
            <a:off x="8183879" y="4937760"/>
            <a:ext cx="1691640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75" name="Rectangle 74"/>
          <p:cNvSpPr/>
          <p:nvPr/>
        </p:nvSpPr>
        <p:spPr>
          <a:xfrm>
            <a:off x="9875519" y="4937760"/>
            <a:ext cx="1874519" cy="594360"/>
          </a:xfrm>
          <a:prstGeom prst="rect">
            <a:avLst/>
          </a:prstGeom>
          <a:solidFill>
            <a:srgbClr val="FAF8F5"/>
          </a:solidFill>
          <a:ln>
            <a:solidFill>
              <a:srgbClr val="E7E2DA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76" name="TextBox 75"/>
          <p:cNvSpPr txBox="1"/>
          <p:nvPr/>
        </p:nvSpPr>
        <p:spPr>
          <a:xfrm>
            <a:off x="9875519" y="4937760"/>
            <a:ext cx="1874519" cy="594360"/>
          </a:xfrm>
          <a:prstGeom prst="rect">
            <a:avLst/>
          </a:prstGeom>
          <a:noFill/>
        </p:spPr>
        <p:txBody>
          <a:bodyPr wrap="square" lIns="45720" rIns="45720" tIns="18288" bIns="18288" anchor="ctr">
            <a:spAutoFit/>
          </a:bodyPr>
          <a:lstStyle/>
          <a:p>
            <a:pPr algn="ctr">
              <a:defRPr sz="1800" b="1">
                <a:solidFill>
                  <a:srgbClr val="16A34A"/>
                </a:solidFill>
                <a:latin typeface="Yu Gothic UI"/>
              </a:defRPr>
            </a:pPr>
            <a:r>
              <a:t>○</a:t>
            </a:r>
          </a:p>
        </p:txBody>
      </p:sp>
      <p:sp>
        <p:nvSpPr>
          <p:cNvPr id="77" name="TextBox 76"/>
          <p:cNvSpPr txBox="1"/>
          <p:nvPr/>
        </p:nvSpPr>
        <p:spPr>
          <a:xfrm>
            <a:off x="457200" y="5852160"/>
            <a:ext cx="11247120" cy="36576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1200" b="1">
                <a:solidFill>
                  <a:srgbClr val="B8942F"/>
                </a:solidFill>
                <a:latin typeface="Yu Gothic UI"/>
              </a:defRPr>
            </a:pPr>
            <a:r>
              <a:t>→ 5 軸すべて満たす INMV は唯一の選択肢。Office で完結する日本企業の現場と相性が良い。</a:t>
            </a:r>
          </a:p>
        </p:txBody>
      </p:sp>
      <p:sp>
        <p:nvSpPr>
          <p:cNvPr id="78" name="Rectangle 77"/>
          <p:cNvSpPr/>
          <p:nvPr/>
        </p:nvSpPr>
        <p:spPr>
          <a:xfrm>
            <a:off x="0" y="6565392"/>
            <a:ext cx="12191695" cy="18288"/>
          </a:xfrm>
          <a:prstGeom prst="rect">
            <a:avLst/>
          </a:prstGeom>
          <a:solidFill>
            <a:srgbClr val="B8942F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</a:p>
        </p:txBody>
      </p:sp>
      <p:sp>
        <p:nvSpPr>
          <p:cNvPr id="79" name="TextBox 78"/>
          <p:cNvSpPr txBox="1"/>
          <p:nvPr/>
        </p:nvSpPr>
        <p:spPr>
          <a:xfrm>
            <a:off x="457200" y="6601968"/>
            <a:ext cx="548640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l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HARMONIC insight  ·  Insight Training Studio (INMV)</a:t>
            </a:r>
          </a:p>
        </p:txBody>
      </p:sp>
      <p:sp>
        <p:nvSpPr>
          <p:cNvPr id="80" name="TextBox 79"/>
          <p:cNvSpPr txBox="1"/>
          <p:nvPr/>
        </p:nvSpPr>
        <p:spPr>
          <a:xfrm>
            <a:off x="10972800" y="6601968"/>
            <a:ext cx="1097280" cy="228600"/>
          </a:xfrm>
          <a:prstGeom prst="rect">
            <a:avLst/>
          </a:prstGeom>
          <a:noFill/>
        </p:spPr>
        <p:txBody>
          <a:bodyPr wrap="square" lIns="45720" rIns="45720" tIns="18288" bIns="18288">
            <a:spAutoFit/>
          </a:bodyPr>
          <a:lstStyle/>
          <a:p>
            <a:pPr algn="r">
              <a:defRPr sz="900" b="0">
                <a:solidFill>
                  <a:srgbClr val="57534E"/>
                </a:solidFill>
                <a:latin typeface="Yu Gothic UI"/>
              </a:defRPr>
            </a:pPr>
            <a:r>
              <a:t>9 / 14</a:t>
            </a:r>
          </a:p>
        </p:txBody>
      </p:sp>
    </p:spTree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</TotalTime>
  <Words>0</Words>
  <Application>Microsoft Macintosh PowerPoint</Application>
  <PresentationFormat>On-screen Show (4:3)</PresentationFormat>
  <Paragraphs>0</Paragraphs>
  <Slides>0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0</vt:i4>
      </vt:variant>
    </vt:vector>
  </HeadingPairs>
  <TitlesOfParts>
    <vt:vector size="1" baseType="lpstr">
      <vt:lpstr>Office Theme</vt:lpstr>
    </vt:vector>
  </TitlesOfParts>
  <Manager/>
  <Company/>
  <LinksUpToDate>false</LinksUpToDate>
  <SharedDoc>false</SharedDoc>
  <HyperlinkBase/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/>
  <dc:subject/>
  <dc:creator/>
  <cp:keywords/>
  <dc:description>generated using python-pptx</dc:description>
  <cp:lastModifiedBy>Steve Canny</cp:lastModifiedBy>
  <cp:revision>1</cp:revision>
  <dcterms:created xsi:type="dcterms:W3CDTF">2013-01-27T09:14:16Z</dcterms:created>
  <dcterms:modified xsi:type="dcterms:W3CDTF">2013-01-27T09:15:58Z</dcterms:modified>
  <cp:category/>
</cp:coreProperties>
</file>